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7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f$\Web\www.phc4.org\docs\reports\fin\20\data\"/>
    </mc:Choice>
  </mc:AlternateContent>
  <xr:revisionPtr revIDLastSave="0" documentId="13_ncr:1_{D989B5D4-327E-49FA-9F7E-61BFFD9C8B34}" xr6:coauthVersionLast="36" xr6:coauthVersionMax="47" xr10:uidLastSave="{00000000-0000-0000-0000-000000000000}"/>
  <bookViews>
    <workbookView xWindow="-120" yWindow="-120" windowWidth="25440" windowHeight="15390" xr2:uid="{849A6F15-CBBB-48E4-B4FA-D90AFE831E2D}"/>
  </bookViews>
  <sheets>
    <sheet name="2020 Financial Analysis Vol 2" sheetId="1" r:id="rId1"/>
  </sheets>
  <definedNames>
    <definedName name="_xlnm._FilterDatabase" localSheetId="0" hidden="1">'2020 Financial Analysis Vol 2'!$A$3:$V$29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57" uniqueCount="311">
  <si>
    <t>20/20 SC 1, 10</t>
  </si>
  <si>
    <t>Aestique ASC 1, 10</t>
  </si>
  <si>
    <t>Allegheny Endoscopy Ctr 1</t>
  </si>
  <si>
    <t>Allegheny Monroeville SC 1, 10</t>
  </si>
  <si>
    <t>Allegheny SC Bethel Park 1, 10</t>
  </si>
  <si>
    <t>ASC Jefferson Pain Rehab 1, 10, 11</t>
  </si>
  <si>
    <t>Associates SC 1, 10</t>
  </si>
  <si>
    <t>Delmont SC 1, 10</t>
  </si>
  <si>
    <t>Dermatology &amp; Cosmetic SC 1, 10</t>
  </si>
  <si>
    <t>East Side SC 1, 10</t>
  </si>
  <si>
    <t>Elite SC 1, 10</t>
  </si>
  <si>
    <t>Excela Health Norwin</t>
  </si>
  <si>
    <t>Four Seasons Endoscopy 1, 10</t>
  </si>
  <si>
    <t>Gamma SC 1, 10</t>
  </si>
  <si>
    <t>Heritage Valley SC 11</t>
  </si>
  <si>
    <t>Laurel SC Greensburg 1, 10</t>
  </si>
  <si>
    <t>Leo R. McCafferty SC 1, 10</t>
  </si>
  <si>
    <t>McCandless Endoscopy 1, 10</t>
  </si>
  <si>
    <t>Mt Lebanon SC 11</t>
  </si>
  <si>
    <t>North Shore Endoscopy 1, 10</t>
  </si>
  <si>
    <t>Premier SC Pittsburgh 1, 10</t>
  </si>
  <si>
    <t>Radiance SC 1, 10</t>
  </si>
  <si>
    <t>SC at Benbrook 1, 10</t>
  </si>
  <si>
    <t>SC Cranberry 1, 10</t>
  </si>
  <si>
    <t>SC Edgeworth Commons 1, 10</t>
  </si>
  <si>
    <t>Shadyside SC 1, 10</t>
  </si>
  <si>
    <t>Skin Center 1, 10</t>
  </si>
  <si>
    <t>South Hills Endoscopy 1, 10</t>
  </si>
  <si>
    <t>South Hills SC 1, 10</t>
  </si>
  <si>
    <t>Southwestern ASC 1, 10</t>
  </si>
  <si>
    <t>Southwestern Endoscopy</t>
  </si>
  <si>
    <t>Southwestern PA Eye SC 1, 10</t>
  </si>
  <si>
    <t>Spartan Health SC 1, 10</t>
  </si>
  <si>
    <t>Three Rivers Endoscopy 1, 10</t>
  </si>
  <si>
    <t>Tri-County Surgical 1, 10</t>
  </si>
  <si>
    <t>Tri-State SC 1, 10</t>
  </si>
  <si>
    <t>UPMC CHP North</t>
  </si>
  <si>
    <t>UPMC Digestive Hlth Endo</t>
  </si>
  <si>
    <t>UPMC Reproductive 3</t>
  </si>
  <si>
    <t>UPMC South SC</t>
  </si>
  <si>
    <t>UPMC St Margaret OP Ctr</t>
  </si>
  <si>
    <t>Waterfront SC 1, 10</t>
  </si>
  <si>
    <t>Western PA SC 1, 10</t>
  </si>
  <si>
    <t>Wexford SC 1</t>
  </si>
  <si>
    <t>Zitelli Brodland Central 1, 10</t>
  </si>
  <si>
    <t>Zitelli Brodland South 1, 10</t>
  </si>
  <si>
    <t>Community SC 1, 10</t>
  </si>
  <si>
    <t>Erie ASC 1, 11</t>
  </si>
  <si>
    <t>Laurel Laser Brookville 1, 10</t>
  </si>
  <si>
    <t>Lawrence County SC 1, 10</t>
  </si>
  <si>
    <t>Saint Vincent Endoscopy 1</t>
  </si>
  <si>
    <t>Saint Vincent SC Erie 1</t>
  </si>
  <si>
    <t>Surgery &amp; Laser 1, 10</t>
  </si>
  <si>
    <t>UPMC Hamot SC 10</t>
  </si>
  <si>
    <t>Village SC 1, 10, 11</t>
  </si>
  <si>
    <t>Advanced Center Surgery 1, 10</t>
  </si>
  <si>
    <t>Allegheny Reg Endoscopy 1, 10</t>
  </si>
  <si>
    <t>Allegheny SC Altoona 1, 10</t>
  </si>
  <si>
    <t>Center for Surgical Arts 1, 10</t>
  </si>
  <si>
    <t>Digestive Health Indiana 1, 10</t>
  </si>
  <si>
    <t>East Freedom 1, 10</t>
  </si>
  <si>
    <t>NA</t>
  </si>
  <si>
    <t>Indiana AS Associates</t>
  </si>
  <si>
    <t>Laurel Laser Altoona 1, 10</t>
  </si>
  <si>
    <t>Ophthalmic Associates SC 1, 10</t>
  </si>
  <si>
    <t>UPMC Altoona SC</t>
  </si>
  <si>
    <t>Evangelical Endoscopy Ctr 3</t>
  </si>
  <si>
    <t>Geisinger Endoscopy</t>
  </si>
  <si>
    <t>Geisinger Gastro Lewistown 11</t>
  </si>
  <si>
    <t>Geisinger Gray's Woods</t>
  </si>
  <si>
    <t>Geisinger OP Woodbine</t>
  </si>
  <si>
    <t>Lewisburg Plastic &amp; Laser 1, 10</t>
  </si>
  <si>
    <t>Mifflin County Com SC 1, 10</t>
  </si>
  <si>
    <t>Mount Nittany SC 7</t>
  </si>
  <si>
    <t>Penn State Hershey Endo</t>
  </si>
  <si>
    <t>SC Central PA 1, 10</t>
  </si>
  <si>
    <t>Susquehanna SC 10</t>
  </si>
  <si>
    <t>UOC Surgical Services 1, 10</t>
  </si>
  <si>
    <t>UPMC SC Lewisburg 1, 10</t>
  </si>
  <si>
    <t>Apple Hill SC 10</t>
  </si>
  <si>
    <t>Calcagno &amp; Rossi Vein SC 1, 10, 11</t>
  </si>
  <si>
    <t>Capital Surgery &amp; Laser 1, 10</t>
  </si>
  <si>
    <t>Carlisle Endoscopy 1, 10</t>
  </si>
  <si>
    <t>Chambersburg Endoscopy 1, 10</t>
  </si>
  <si>
    <t>Children's Dental Lanc 1, 10</t>
  </si>
  <si>
    <t>Digestive Disease Inst 1, 10</t>
  </si>
  <si>
    <t>Endoscopy Central PA 1, 10</t>
  </si>
  <si>
    <t>Eyes of York SC 1, 10</t>
  </si>
  <si>
    <t>Geisinger HolySpirit Endo 11</t>
  </si>
  <si>
    <t>Grandview Surgery &amp; Laser 1, 10</t>
  </si>
  <si>
    <t>GSH Outpatient SC 7</t>
  </si>
  <si>
    <t>Hanover SC 10</t>
  </si>
  <si>
    <t>Harrisburg Endoscopy &amp; SC 1, 10</t>
  </si>
  <si>
    <t>Harrisburg Pain Mgmt 1, 10</t>
  </si>
  <si>
    <t>Hershey Endoscopy 1, 10</t>
  </si>
  <si>
    <t>Hershey Outpatient SC 1, 10</t>
  </si>
  <si>
    <t>Hillside Endoscopy 1, 10</t>
  </si>
  <si>
    <t>Lancaster Ctr Spine Care 3</t>
  </si>
  <si>
    <t>Ludwick Laser &amp; SC 1, 10</t>
  </si>
  <si>
    <t>Memorial Outpatient Endo</t>
  </si>
  <si>
    <t>Memorial SC York</t>
  </si>
  <si>
    <t>Mid-Atlan Gastro II Ephr 1, 10</t>
  </si>
  <si>
    <t>Mid-Atlan Gastro Lanc 1, 10</t>
  </si>
  <si>
    <t>Neurospine Center</t>
  </si>
  <si>
    <t xml:space="preserve">North Pointe SC Lancaster </t>
  </si>
  <si>
    <t>North Pointe SC Lebanon</t>
  </si>
  <si>
    <t>Ophthalmology &amp; Surgical 1, 10</t>
  </si>
  <si>
    <t>Ophthalmology SC 1, 10</t>
  </si>
  <si>
    <t>OSS Health ASC 1, 10</t>
  </si>
  <si>
    <t>PA Eye SC 1, 10</t>
  </si>
  <si>
    <t>Physicians SC 1, 10</t>
  </si>
  <si>
    <t>Physicians' SC Lancaster 1, 10</t>
  </si>
  <si>
    <t>SC Lancaster 1, 10</t>
  </si>
  <si>
    <t>Susquehanna Valley SC 1, 10</t>
  </si>
  <si>
    <t>UCPA SC 1, 10, 11</t>
  </si>
  <si>
    <t>UPMC Leader SC 1, 10</t>
  </si>
  <si>
    <t>UPMC SC Carlisle</t>
  </si>
  <si>
    <t>UPMC York Endoscopy 1</t>
  </si>
  <si>
    <t>Valley View SC 1, 10</t>
  </si>
  <si>
    <t>WellSpan Dr Himelfarb SC 10</t>
  </si>
  <si>
    <t>WellSpan SC Gettysburg 7</t>
  </si>
  <si>
    <t>West Shore Endoscopy 1, 10</t>
  </si>
  <si>
    <t>West Shore Pain &amp; Spine 1, 10</t>
  </si>
  <si>
    <t>West Shore SC 1, 10</t>
  </si>
  <si>
    <t>York Pain Specialists 1, 10</t>
  </si>
  <si>
    <t>Angelina Theresa Bucci SC 1, 10</t>
  </si>
  <si>
    <t>Center Same Day Surgery 1, 10</t>
  </si>
  <si>
    <t>Eynon SC 1, 10</t>
  </si>
  <si>
    <t>Gateway SC 1, 10</t>
  </si>
  <si>
    <t>Hazleton ASC 1, 10</t>
  </si>
  <si>
    <t>Hazleton Endoscopy 1, 10</t>
  </si>
  <si>
    <t>Hazleton SC 1, 10</t>
  </si>
  <si>
    <t>LVHN East Stroudsburg ASC</t>
  </si>
  <si>
    <t>Mountain Laurel SC 1, 10</t>
  </si>
  <si>
    <t>NEI AS 1, 10</t>
  </si>
  <si>
    <t>North East SC 1, 10</t>
  </si>
  <si>
    <t>Northeast Regional SC 1, 10</t>
  </si>
  <si>
    <t>Pain Center Wyoming 1, 10</t>
  </si>
  <si>
    <t>Pocono ASC 1, 10</t>
  </si>
  <si>
    <t>Regional Hospital SC 1, 10</t>
  </si>
  <si>
    <t>Renaissance Center 1</t>
  </si>
  <si>
    <t>Riverview ASC 1, 10</t>
  </si>
  <si>
    <t>Robert Packer Endoscopy</t>
  </si>
  <si>
    <t>Scranton Endoscopy 1, 10</t>
  </si>
  <si>
    <t>Surgical Specialty NE PA 1, 10</t>
  </si>
  <si>
    <t>Berks ASC 1, 10</t>
  </si>
  <si>
    <t>Berks Digestive Health 1, 10</t>
  </si>
  <si>
    <t>Berks Urologic SC 1, 10</t>
  </si>
  <si>
    <t>Berkshire Eye SC 1, 10</t>
  </si>
  <si>
    <t>Bethlehem Endoscopy 1, 10</t>
  </si>
  <si>
    <t>Carbon-Schuylkill Endo 1, 10</t>
  </si>
  <si>
    <t>Center for Specialized 1, 10</t>
  </si>
  <si>
    <t>Children's Dental Beth 1, 10</t>
  </si>
  <si>
    <t>College Heights Endoscopy 1, 10</t>
  </si>
  <si>
    <t>Eastern PA Endoscopy 1, 10</t>
  </si>
  <si>
    <t>Fairgrounds SC 7</t>
  </si>
  <si>
    <t>Keystone SC 1, 10</t>
  </si>
  <si>
    <t>Lehigh Valley SC Tilghman 7</t>
  </si>
  <si>
    <t>Lehigh Vly Children's SC 7</t>
  </si>
  <si>
    <t>Lifeline Valley Access 1, 10</t>
  </si>
  <si>
    <t>Mahoning Valley ASC 1, 10</t>
  </si>
  <si>
    <t>Northwood SC 1, 10</t>
  </si>
  <si>
    <t>PA Eye &amp; Ear SC 10</t>
  </si>
  <si>
    <t>Progressive Allentown 1, 10, 11</t>
  </si>
  <si>
    <t>Progressive Pottsville 1, 10</t>
  </si>
  <si>
    <t>Progressive Wyomissing 1, 10</t>
  </si>
  <si>
    <t>Reading SC Spring Ridge 1, 10</t>
  </si>
  <si>
    <t>Reading SC Surgical Inst 1, 10</t>
  </si>
  <si>
    <t>SC of Allentown 1, 10</t>
  </si>
  <si>
    <t>SC Pottsville 1, 10</t>
  </si>
  <si>
    <t>Schuylkill Endoscopy 1, 10</t>
  </si>
  <si>
    <t>Spring Ridge Plastic 1, 10</t>
  </si>
  <si>
    <t>St Luke's Anderson ASC 3</t>
  </si>
  <si>
    <t>State Hill SC 1, 10</t>
  </si>
  <si>
    <t>Twin Rivers Endoscopy 1, 10, 11</t>
  </si>
  <si>
    <t>Valley Eye SC 1, 10</t>
  </si>
  <si>
    <t>Valley SC 1, 10</t>
  </si>
  <si>
    <t>Wyomissing Surgical Serv 1, 10</t>
  </si>
  <si>
    <t>Abington Asplundh SC 10, 11</t>
  </si>
  <si>
    <t>Abington Endoscopy</t>
  </si>
  <si>
    <t>Abington SC 10</t>
  </si>
  <si>
    <t>AFP SC 1, 10</t>
  </si>
  <si>
    <t>ASC St Mary 1, 10</t>
  </si>
  <si>
    <t>Brandywine SC 1, 10</t>
  </si>
  <si>
    <t>Brandywine Valley Endo 1, 10</t>
  </si>
  <si>
    <t>Bucks County GI Endo SC 1, 10</t>
  </si>
  <si>
    <t>Bucks County Surg Suites 1, 4, 10</t>
  </si>
  <si>
    <t>Children's Dental Malvern 1, 10</t>
  </si>
  <si>
    <t>CHOP Brandywine Valley SC</t>
  </si>
  <si>
    <t>CHOP Bucks ASC</t>
  </si>
  <si>
    <t>CHOP King Prussia ASC 10</t>
  </si>
  <si>
    <t>Colonoscopy Ctr Lansdale 1, 10</t>
  </si>
  <si>
    <t>Colonoscopy Ctr Sellers 1, 10</t>
  </si>
  <si>
    <t>Cornerstone ASC 1, 10</t>
  </si>
  <si>
    <t>Crozer Endo 1, 10</t>
  </si>
  <si>
    <t>Crozer SC Brinton Lake 1, 10</t>
  </si>
  <si>
    <t>Crozer SC Haverford 1, 10</t>
  </si>
  <si>
    <t>Dermatologic Drexel Hill 1, 10</t>
  </si>
  <si>
    <t>Doylestown SC</t>
  </si>
  <si>
    <t>duPont Children SC Bryn 1, 11</t>
  </si>
  <si>
    <t>Einstein Endo Blue Bell 7</t>
  </si>
  <si>
    <t>Einstein Montgomery SPU 7, 10</t>
  </si>
  <si>
    <t>Endoscopy Associates Vly 1, 10</t>
  </si>
  <si>
    <t>Endoscopy Bucks 1, 10</t>
  </si>
  <si>
    <t>Endoscopy St Mary 1, 10</t>
  </si>
  <si>
    <t>Eye SC Wayne 1, 10</t>
  </si>
  <si>
    <t xml:space="preserve">Fertility Partners PA SC </t>
  </si>
  <si>
    <t>Gastrointestinal Endo Ctr 1, 10</t>
  </si>
  <si>
    <t>Grand View Harleysville 1, 3, 10</t>
  </si>
  <si>
    <t>Holy Redeemer ASC 10</t>
  </si>
  <si>
    <t>Huntingdon Valley SC 1, 10</t>
  </si>
  <si>
    <t>Hypertension Nephrology 1, 10</t>
  </si>
  <si>
    <t>Jefferson Endoscopy Bala 10</t>
  </si>
  <si>
    <t>Jefferson SC Blue Bell 1, 10</t>
  </si>
  <si>
    <t>Keystone Kidney Center 1, 10</t>
  </si>
  <si>
    <t>Kole Plastic SC 1, 10</t>
  </si>
  <si>
    <t>Langhorne Access 1, 10</t>
  </si>
  <si>
    <t>Langhorne SC 1, 10</t>
  </si>
  <si>
    <t>Main Line Endoscopy East 1, 10</t>
  </si>
  <si>
    <t>Main Line Endoscopy South 1, 10</t>
  </si>
  <si>
    <t>Main Line Endoscopy West 1, 10</t>
  </si>
  <si>
    <t>Main Line Fertility 1, 10</t>
  </si>
  <si>
    <t>Main Line SC 1, 10</t>
  </si>
  <si>
    <t>Main Line Spine SC 1, 10</t>
  </si>
  <si>
    <t>Main Line Vascular Inst 1, 10</t>
  </si>
  <si>
    <t>Montgomery SC 1, 10</t>
  </si>
  <si>
    <t>New Britain SC 1, 10</t>
  </si>
  <si>
    <t>Orthopaedic SC Bryn Mawr 1, 3, 10</t>
  </si>
  <si>
    <t>Oxford Valley Pain SC 1, 10</t>
  </si>
  <si>
    <t>Paoli SC 1, 10</t>
  </si>
  <si>
    <t>Penn Medicine Radnor Endo 11</t>
  </si>
  <si>
    <t>Phila Cosmetic Surgery 1, 10</t>
  </si>
  <si>
    <t>Philadelphia Surgery Ctr 1, 10</t>
  </si>
  <si>
    <t>Phoenixville SC Limerick 3</t>
  </si>
  <si>
    <t>Plaza SC 1, 10</t>
  </si>
  <si>
    <t xml:space="preserve">Pottstown AC </t>
  </si>
  <si>
    <t>Premier Exton SC 1, 10</t>
  </si>
  <si>
    <t>Riddle SC 1, 10</t>
  </si>
  <si>
    <t>RMA of Philadelphia SC 1, 10</t>
  </si>
  <si>
    <t>Sally Balin ASC 1, 10</t>
  </si>
  <si>
    <t>SC Bucks County 10</t>
  </si>
  <si>
    <t>SC Chester County 1, 10</t>
  </si>
  <si>
    <t>SC Ft Washington 1, 10</t>
  </si>
  <si>
    <t>Springfield ASC 1, 10</t>
  </si>
  <si>
    <t>St Luke's Endo Buxmont</t>
  </si>
  <si>
    <t>Trevose Specialty Care SC 1, 10</t>
  </si>
  <si>
    <t>Tri-County SC 1, 10</t>
  </si>
  <si>
    <t>Turk's Head SC 1, 10</t>
  </si>
  <si>
    <t>Valley Pain Center 1, 10</t>
  </si>
  <si>
    <t>Vascular Access DE Valley 1, 10</t>
  </si>
  <si>
    <t>Vision One Laser &amp; SC 1, 10</t>
  </si>
  <si>
    <t>West Chester Endoscopy 1, 10</t>
  </si>
  <si>
    <t>Wills Eye SC Plymouth Mtg 10</t>
  </si>
  <si>
    <t>Azura SC NE Philadelphia 1, 10</t>
  </si>
  <si>
    <t>Azura SC S Philadelphia 1, 10</t>
  </si>
  <si>
    <t>Azura Vascular NE Phil 1, 10</t>
  </si>
  <si>
    <t>Azura Vascular S Phil 1, 10</t>
  </si>
  <si>
    <t>Dermatologic Philadelphia 1, 10</t>
  </si>
  <si>
    <t>Einstein SC</t>
  </si>
  <si>
    <t>Endoscopy PA Hosp 10</t>
  </si>
  <si>
    <t>GI ASC 1, 10</t>
  </si>
  <si>
    <t>Grant SC 1, 10</t>
  </si>
  <si>
    <t>HUP Reproductive Surgical</t>
  </si>
  <si>
    <t>Jefferson SC</t>
  </si>
  <si>
    <t>Jefferson SC Navy Yard 1, 10</t>
  </si>
  <si>
    <t>Liberty Eye SC 1, 10</t>
  </si>
  <si>
    <t>Metro Vascular Ctr Clinic 1, 10, 11</t>
  </si>
  <si>
    <t>Metro Vascular Ctr Metrop 1, 10</t>
  </si>
  <si>
    <t>Mt Airy AESC 1, 10, 11</t>
  </si>
  <si>
    <t>Nazareth Hlth Endoscopy 1</t>
  </si>
  <si>
    <t>PA Surgery Laser Ctr</t>
  </si>
  <si>
    <t>Peripheral Vascular Inst 1, 10</t>
  </si>
  <si>
    <t>PGC Endoscopy 1, 10</t>
  </si>
  <si>
    <t>Philadelphia Surgi Ctr 10</t>
  </si>
  <si>
    <t>Red Lion SC 1, 10</t>
  </si>
  <si>
    <t>SC of Pennsylvania Hosp</t>
  </si>
  <si>
    <t>Temple Univ Podiatric ASC 7</t>
  </si>
  <si>
    <t>Vincera SC 1, 10</t>
  </si>
  <si>
    <t>Wills SC Northeast 10</t>
  </si>
  <si>
    <t>Wills SC Phila Stadium 10</t>
  </si>
  <si>
    <t>Region</t>
  </si>
  <si>
    <t>Facility Name &amp; Footone</t>
  </si>
  <si>
    <t>FY20</t>
  </si>
  <si>
    <t>FY19</t>
  </si>
  <si>
    <t>FY18</t>
  </si>
  <si>
    <t>FY17</t>
  </si>
  <si>
    <t>3-yr Average Change in NPR
FY17-FY20</t>
  </si>
  <si>
    <r>
      <t xml:space="preserve">Net Patient Revenue (NPR)
</t>
    </r>
    <r>
      <rPr>
        <i/>
        <sz val="11"/>
        <color theme="0"/>
        <rFont val="Calibri"/>
        <family val="2"/>
        <scheme val="minor"/>
      </rPr>
      <t>(thousands)</t>
    </r>
  </si>
  <si>
    <r>
      <t xml:space="preserve">Total Operating Expenses (TOE)
</t>
    </r>
    <r>
      <rPr>
        <i/>
        <sz val="11"/>
        <color theme="0"/>
        <rFont val="Calibri"/>
        <family val="2"/>
        <scheme val="minor"/>
      </rPr>
      <t>(thousands)</t>
    </r>
  </si>
  <si>
    <t>3-yr Average Change in TOE
FY17-FY20</t>
  </si>
  <si>
    <t>Operating Margin 
FY20</t>
  </si>
  <si>
    <t>Total Margin 
FY20</t>
  </si>
  <si>
    <t>3-yr Average Total Margin
FY18-FY20</t>
  </si>
  <si>
    <t>Percent of Uncompensated Care
FY20</t>
  </si>
  <si>
    <t>Medicare Share of NPR
FY20</t>
  </si>
  <si>
    <t>Medical Assistance Share of NPR
FY20</t>
  </si>
  <si>
    <t>Visits
FY20</t>
  </si>
  <si>
    <r>
      <t xml:space="preserve">Total Operating Revenue 
</t>
    </r>
    <r>
      <rPr>
        <i/>
        <sz val="11"/>
        <color theme="0"/>
        <rFont val="Calibri"/>
        <family val="2"/>
        <scheme val="minor"/>
      </rPr>
      <t>(thousands)</t>
    </r>
    <r>
      <rPr>
        <b/>
        <sz val="11"/>
        <color theme="0"/>
        <rFont val="Calibri"/>
        <family val="2"/>
        <scheme val="minor"/>
      </rPr>
      <t xml:space="preserve">
FY20</t>
    </r>
  </si>
  <si>
    <r>
      <t xml:space="preserve">Operating Income
</t>
    </r>
    <r>
      <rPr>
        <i/>
        <sz val="11"/>
        <color theme="0"/>
        <rFont val="Calibri"/>
        <family val="2"/>
        <scheme val="minor"/>
      </rPr>
      <t>(thousands)</t>
    </r>
    <r>
      <rPr>
        <b/>
        <sz val="11"/>
        <color theme="0"/>
        <rFont val="Calibri"/>
        <family val="2"/>
        <scheme val="minor"/>
      </rPr>
      <t xml:space="preserve">
FY20</t>
    </r>
  </si>
  <si>
    <r>
      <t xml:space="preserve">Net Income
</t>
    </r>
    <r>
      <rPr>
        <i/>
        <sz val="11"/>
        <color theme="0"/>
        <rFont val="Calibri"/>
        <family val="2"/>
        <scheme val="minor"/>
      </rPr>
      <t>(thousands)</t>
    </r>
    <r>
      <rPr>
        <b/>
        <sz val="11"/>
        <color theme="0"/>
        <rFont val="Calibri"/>
        <family val="2"/>
        <scheme val="minor"/>
      </rPr>
      <t xml:space="preserve">
FY20</t>
    </r>
  </si>
  <si>
    <t xml:space="preserve"> Statewide Average (ASC)</t>
  </si>
  <si>
    <t xml:space="preserve">  Region 1 Average</t>
  </si>
  <si>
    <t xml:space="preserve">  Region 2 Average</t>
  </si>
  <si>
    <t xml:space="preserve">  Region 3 Average</t>
  </si>
  <si>
    <t xml:space="preserve">  Region 4 Average</t>
  </si>
  <si>
    <t xml:space="preserve">  Region 5 Average</t>
  </si>
  <si>
    <t xml:space="preserve">  Region 6 Average</t>
  </si>
  <si>
    <t xml:space="preserve">  Region 7 Average</t>
  </si>
  <si>
    <t xml:space="preserve">  Region 8 Average</t>
  </si>
  <si>
    <t xml:space="preserve">  Region 9 Average</t>
  </si>
  <si>
    <t>N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5" formatCode="&quot;$&quot;#,##0_);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&quot;$&quot;* #,##0_);_(&quot;$&quot;* \(#,##0\);_(&quot;$&quot;* &quot;-&quot;??_);_(@_)"/>
    <numFmt numFmtId="165" formatCode="&quot;$&quot;#,##0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i/>
      <sz val="11"/>
      <color theme="0"/>
      <name val="Calibri"/>
      <family val="2"/>
      <scheme val="minor"/>
    </font>
    <font>
      <b/>
      <sz val="1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9" tint="-0.249977111117893"/>
        <bgColor indexed="64"/>
      </patternFill>
    </fill>
    <fill>
      <patternFill patternType="solid">
        <fgColor theme="9" tint="0.59999389629810485"/>
        <bgColor indexed="64"/>
      </patternFill>
    </fill>
  </fills>
  <borders count="1">
    <border>
      <left/>
      <right/>
      <top/>
      <bottom/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42">
    <xf numFmtId="0" fontId="0" fillId="0" borderId="0" xfId="0"/>
    <xf numFmtId="165" fontId="0" fillId="0" borderId="0" xfId="2" applyNumberFormat="1" applyFont="1" applyFill="1"/>
    <xf numFmtId="10" fontId="0" fillId="0" borderId="0" xfId="3" applyNumberFormat="1" applyFont="1" applyFill="1"/>
    <xf numFmtId="3" fontId="0" fillId="0" borderId="0" xfId="1" applyNumberFormat="1" applyFont="1" applyFill="1"/>
    <xf numFmtId="9" fontId="0" fillId="0" borderId="0" xfId="3" applyFont="1" applyFill="1"/>
    <xf numFmtId="164" fontId="0" fillId="0" borderId="0" xfId="2" applyNumberFormat="1" applyFont="1" applyFill="1"/>
    <xf numFmtId="0" fontId="4" fillId="0" borderId="0" xfId="0" applyFont="1" applyFill="1"/>
    <xf numFmtId="0" fontId="3" fillId="0" borderId="0" xfId="0" applyFont="1" applyFill="1"/>
    <xf numFmtId="0" fontId="2" fillId="2" borderId="0" xfId="0" applyFont="1" applyFill="1" applyAlignment="1">
      <alignment horizontal="center"/>
    </xf>
    <xf numFmtId="0" fontId="2" fillId="2" borderId="0" xfId="0" applyFont="1" applyFill="1"/>
    <xf numFmtId="10" fontId="2" fillId="2" borderId="0" xfId="3" applyNumberFormat="1" applyFont="1" applyFill="1"/>
    <xf numFmtId="164" fontId="2" fillId="2" borderId="0" xfId="2" applyNumberFormat="1" applyFont="1" applyFill="1" applyAlignment="1">
      <alignment horizontal="center" wrapText="1"/>
    </xf>
    <xf numFmtId="0" fontId="6" fillId="0" borderId="0" xfId="0" applyFont="1" applyFill="1" applyAlignment="1">
      <alignment horizontal="center"/>
    </xf>
    <xf numFmtId="10" fontId="6" fillId="0" borderId="0" xfId="3" applyNumberFormat="1" applyFont="1" applyFill="1"/>
    <xf numFmtId="3" fontId="3" fillId="0" borderId="0" xfId="1" applyNumberFormat="1" applyFont="1" applyFill="1"/>
    <xf numFmtId="5" fontId="6" fillId="0" borderId="0" xfId="2" applyNumberFormat="1" applyFont="1" applyFill="1"/>
    <xf numFmtId="0" fontId="0" fillId="0" borderId="0" xfId="0" applyFont="1" applyFill="1"/>
    <xf numFmtId="0" fontId="0" fillId="0" borderId="0" xfId="0" applyFont="1" applyFill="1" applyAlignment="1">
      <alignment horizontal="center"/>
    </xf>
    <xf numFmtId="165" fontId="0" fillId="0" borderId="0" xfId="0" applyNumberFormat="1" applyFont="1" applyFill="1"/>
    <xf numFmtId="3" fontId="0" fillId="0" borderId="0" xfId="0" applyNumberFormat="1" applyFont="1" applyFill="1"/>
    <xf numFmtId="5" fontId="2" fillId="2" borderId="0" xfId="2" applyNumberFormat="1" applyFont="1" applyFill="1"/>
    <xf numFmtId="3" fontId="2" fillId="2" borderId="0" xfId="1" applyNumberFormat="1" applyFont="1" applyFill="1"/>
    <xf numFmtId="0" fontId="0" fillId="3" borderId="0" xfId="0" applyFont="1" applyFill="1" applyAlignment="1">
      <alignment horizontal="center"/>
    </xf>
    <xf numFmtId="0" fontId="0" fillId="3" borderId="0" xfId="0" applyFont="1" applyFill="1"/>
    <xf numFmtId="165" fontId="0" fillId="3" borderId="0" xfId="2" applyNumberFormat="1" applyFont="1" applyFill="1"/>
    <xf numFmtId="10" fontId="0" fillId="3" borderId="0" xfId="3" applyNumberFormat="1" applyFont="1" applyFill="1"/>
    <xf numFmtId="3" fontId="0" fillId="3" borderId="0" xfId="1" applyNumberFormat="1" applyFont="1" applyFill="1"/>
    <xf numFmtId="165" fontId="0" fillId="3" borderId="0" xfId="0" applyNumberFormat="1" applyFont="1" applyFill="1"/>
    <xf numFmtId="165" fontId="0" fillId="0" borderId="0" xfId="2" applyNumberFormat="1" applyFont="1" applyFill="1" applyAlignment="1">
      <alignment horizontal="right"/>
    </xf>
    <xf numFmtId="165" fontId="0" fillId="3" borderId="0" xfId="2" applyNumberFormat="1" applyFont="1" applyFill="1" applyAlignment="1">
      <alignment horizontal="right"/>
    </xf>
    <xf numFmtId="10" fontId="0" fillId="3" borderId="0" xfId="3" applyNumberFormat="1" applyFont="1" applyFill="1" applyAlignment="1">
      <alignment horizontal="right"/>
    </xf>
    <xf numFmtId="164" fontId="0" fillId="0" borderId="0" xfId="2" applyNumberFormat="1" applyFont="1" applyFill="1" applyAlignment="1">
      <alignment horizontal="right"/>
    </xf>
    <xf numFmtId="10" fontId="6" fillId="0" borderId="0" xfId="3" applyNumberFormat="1" applyFont="1" applyFill="1" applyAlignment="1">
      <alignment horizontal="center"/>
    </xf>
    <xf numFmtId="10" fontId="2" fillId="2" borderId="0" xfId="3" applyNumberFormat="1" applyFont="1" applyFill="1" applyAlignment="1">
      <alignment horizontal="center"/>
    </xf>
    <xf numFmtId="10" fontId="0" fillId="0" borderId="0" xfId="3" applyNumberFormat="1" applyFont="1" applyFill="1" applyAlignment="1">
      <alignment horizontal="center"/>
    </xf>
    <xf numFmtId="10" fontId="0" fillId="3" borderId="0" xfId="3" applyNumberFormat="1" applyFont="1" applyFill="1" applyAlignment="1">
      <alignment horizontal="center"/>
    </xf>
    <xf numFmtId="165" fontId="0" fillId="3" borderId="0" xfId="2" applyNumberFormat="1" applyFont="1" applyFill="1" applyAlignment="1">
      <alignment horizontal="center"/>
    </xf>
    <xf numFmtId="3" fontId="0" fillId="0" borderId="0" xfId="1" applyNumberFormat="1" applyFont="1" applyFill="1" applyAlignment="1">
      <alignment horizontal="right"/>
    </xf>
    <xf numFmtId="0" fontId="2" fillId="2" borderId="0" xfId="0" applyFont="1" applyFill="1" applyAlignment="1">
      <alignment horizontal="center" wrapText="1"/>
    </xf>
    <xf numFmtId="0" fontId="2" fillId="2" borderId="0" xfId="0" applyFont="1" applyFill="1" applyAlignment="1">
      <alignment horizontal="center"/>
    </xf>
    <xf numFmtId="0" fontId="0" fillId="0" borderId="0" xfId="0" applyAlignment="1">
      <alignment horizontal="center" wrapText="1"/>
    </xf>
    <xf numFmtId="164" fontId="2" fillId="2" borderId="0" xfId="2" applyNumberFormat="1" applyFont="1" applyFill="1" applyAlignment="1">
      <alignment horizontal="center" wrapText="1"/>
    </xf>
  </cellXfs>
  <cellStyles count="4">
    <cellStyle name="Comma" xfId="1" builtinId="3"/>
    <cellStyle name="Currency" xfId="2" builtinId="4"/>
    <cellStyle name="Normal" xfId="0" builtinId="0"/>
    <cellStyle name="Percent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A2E94B3-6C54-4F9C-B54B-9DBEEEB22417}">
  <dimension ref="A1:X291"/>
  <sheetViews>
    <sheetView tabSelected="1" workbookViewId="0">
      <pane xSplit="2" ySplit="2" topLeftCell="C3" activePane="bottomRight" state="frozen"/>
      <selection pane="topRight" activeCell="D1" sqref="D1"/>
      <selection pane="bottomLeft" activeCell="A4" sqref="A4"/>
      <selection pane="bottomRight" sqref="A1:A2"/>
    </sheetView>
  </sheetViews>
  <sheetFormatPr defaultRowHeight="15" x14ac:dyDescent="0.25"/>
  <cols>
    <col min="1" max="1" width="8.42578125" style="17" customWidth="1"/>
    <col min="2" max="2" width="31.5703125" style="16" bestFit="1" customWidth="1"/>
    <col min="3" max="3" width="13.140625" style="5" customWidth="1"/>
    <col min="4" max="6" width="11.5703125" style="5" bestFit="1" customWidth="1"/>
    <col min="7" max="7" width="10.42578125" style="2" customWidth="1"/>
    <col min="8" max="11" width="11.5703125" style="5" bestFit="1" customWidth="1"/>
    <col min="12" max="12" width="11" style="2" customWidth="1"/>
    <col min="13" max="14" width="10.85546875" style="2" bestFit="1" customWidth="1"/>
    <col min="15" max="15" width="9.85546875" style="2" bestFit="1" customWidth="1"/>
    <col min="16" max="16" width="15.28515625" style="2" customWidth="1"/>
    <col min="17" max="17" width="9.42578125" style="2" bestFit="1" customWidth="1"/>
    <col min="18" max="18" width="10.28515625" style="2" customWidth="1"/>
    <col min="19" max="19" width="11.140625" style="16" bestFit="1" customWidth="1"/>
    <col min="20" max="20" width="12.140625" style="16" bestFit="1" customWidth="1"/>
    <col min="21" max="21" width="12.85546875" style="16" customWidth="1"/>
    <col min="22" max="22" width="12" style="16" customWidth="1"/>
    <col min="23" max="16384" width="9.140625" style="16"/>
  </cols>
  <sheetData>
    <row r="1" spans="1:24" ht="42.75" customHeight="1" x14ac:dyDescent="0.25">
      <c r="A1" s="38" t="s">
        <v>280</v>
      </c>
      <c r="B1" s="38" t="s">
        <v>281</v>
      </c>
      <c r="C1" s="41" t="s">
        <v>287</v>
      </c>
      <c r="D1" s="39"/>
      <c r="E1" s="39"/>
      <c r="F1" s="39"/>
      <c r="G1" s="38" t="s">
        <v>286</v>
      </c>
      <c r="H1" s="41" t="s">
        <v>288</v>
      </c>
      <c r="I1" s="39"/>
      <c r="J1" s="39"/>
      <c r="K1" s="39"/>
      <c r="L1" s="38" t="s">
        <v>289</v>
      </c>
      <c r="M1" s="38" t="s">
        <v>290</v>
      </c>
      <c r="N1" s="38" t="s">
        <v>291</v>
      </c>
      <c r="O1" s="38" t="s">
        <v>292</v>
      </c>
      <c r="P1" s="38" t="s">
        <v>293</v>
      </c>
      <c r="Q1" s="38" t="s">
        <v>294</v>
      </c>
      <c r="R1" s="38" t="s">
        <v>295</v>
      </c>
      <c r="S1" s="38" t="s">
        <v>296</v>
      </c>
      <c r="T1" s="38" t="s">
        <v>297</v>
      </c>
      <c r="U1" s="38" t="s">
        <v>298</v>
      </c>
      <c r="V1" s="38" t="s">
        <v>299</v>
      </c>
    </row>
    <row r="2" spans="1:24" ht="30" customHeight="1" x14ac:dyDescent="0.25">
      <c r="A2" s="40"/>
      <c r="B2" s="40"/>
      <c r="C2" s="11" t="s">
        <v>282</v>
      </c>
      <c r="D2" s="8" t="s">
        <v>283</v>
      </c>
      <c r="E2" s="8" t="s">
        <v>284</v>
      </c>
      <c r="F2" s="8" t="s">
        <v>285</v>
      </c>
      <c r="G2" s="39"/>
      <c r="H2" s="11" t="s">
        <v>282</v>
      </c>
      <c r="I2" s="8" t="s">
        <v>283</v>
      </c>
      <c r="J2" s="8" t="s">
        <v>284</v>
      </c>
      <c r="K2" s="8" t="s">
        <v>285</v>
      </c>
      <c r="L2" s="39"/>
      <c r="M2" s="39"/>
      <c r="N2" s="39"/>
      <c r="O2" s="39"/>
      <c r="P2" s="39"/>
      <c r="Q2" s="39"/>
      <c r="R2" s="39"/>
      <c r="S2" s="39"/>
      <c r="T2" s="39"/>
      <c r="U2" s="39"/>
      <c r="V2" s="39"/>
    </row>
    <row r="3" spans="1:24" s="6" customFormat="1" x14ac:dyDescent="0.25">
      <c r="A3" s="12"/>
      <c r="B3" s="7" t="s">
        <v>300</v>
      </c>
      <c r="C3" s="15">
        <v>4496</v>
      </c>
      <c r="D3" s="15">
        <v>4941</v>
      </c>
      <c r="E3" s="15">
        <v>4791</v>
      </c>
      <c r="F3" s="15">
        <v>4737</v>
      </c>
      <c r="G3" s="13">
        <v>-1.6899999999999998E-2</v>
      </c>
      <c r="H3" s="15">
        <v>3572</v>
      </c>
      <c r="I3" s="15">
        <v>3717</v>
      </c>
      <c r="J3" s="15">
        <v>3667</v>
      </c>
      <c r="K3" s="15">
        <v>3580</v>
      </c>
      <c r="L3" s="13">
        <v>-8.0000000000000004E-4</v>
      </c>
      <c r="M3" s="13">
        <v>0.2225</v>
      </c>
      <c r="N3" s="13">
        <v>0.23380000000000001</v>
      </c>
      <c r="O3" s="13">
        <v>0.2419</v>
      </c>
      <c r="P3" s="32">
        <v>8.3999999999999995E-3</v>
      </c>
      <c r="Q3" s="13">
        <v>0.27479999999999999</v>
      </c>
      <c r="R3" s="13">
        <v>5.79E-2</v>
      </c>
      <c r="S3" s="14">
        <v>3375</v>
      </c>
      <c r="T3" s="15">
        <v>3572</v>
      </c>
      <c r="U3" s="15">
        <v>1023</v>
      </c>
      <c r="V3" s="15">
        <v>1090</v>
      </c>
    </row>
    <row r="4" spans="1:24" s="6" customFormat="1" x14ac:dyDescent="0.25">
      <c r="A4" s="8">
        <v>1</v>
      </c>
      <c r="B4" s="9" t="s">
        <v>301</v>
      </c>
      <c r="C4" s="20">
        <v>4320</v>
      </c>
      <c r="D4" s="20">
        <v>4335</v>
      </c>
      <c r="E4" s="20">
        <v>4570</v>
      </c>
      <c r="F4" s="20">
        <v>4439</v>
      </c>
      <c r="G4" s="10">
        <v>-8.8999999999999999E-3</v>
      </c>
      <c r="H4" s="20">
        <v>3440</v>
      </c>
      <c r="I4" s="20">
        <v>3430</v>
      </c>
      <c r="J4" s="20">
        <v>3824</v>
      </c>
      <c r="K4" s="20">
        <v>3738</v>
      </c>
      <c r="L4" s="10">
        <v>-2.6499999999999999E-2</v>
      </c>
      <c r="M4" s="10">
        <v>0.21609999999999999</v>
      </c>
      <c r="N4" s="10">
        <v>0.22850000000000001</v>
      </c>
      <c r="O4" s="10">
        <v>0.20130000000000001</v>
      </c>
      <c r="P4" s="33">
        <v>1.09E-2</v>
      </c>
      <c r="Q4" s="10">
        <v>0.28660000000000002</v>
      </c>
      <c r="R4" s="10">
        <v>4.6699999999999998E-2</v>
      </c>
      <c r="S4" s="21">
        <v>3579</v>
      </c>
      <c r="T4" s="20">
        <v>3440</v>
      </c>
      <c r="U4" s="20">
        <v>949</v>
      </c>
      <c r="V4" s="20">
        <v>1019</v>
      </c>
    </row>
    <row r="5" spans="1:24" x14ac:dyDescent="0.25">
      <c r="A5" s="17">
        <v>1</v>
      </c>
      <c r="B5" s="16" t="s">
        <v>0</v>
      </c>
      <c r="C5" s="1">
        <v>3074</v>
      </c>
      <c r="D5" s="1">
        <v>3420</v>
      </c>
      <c r="E5" s="1">
        <v>2982</v>
      </c>
      <c r="F5" s="1">
        <v>2986</v>
      </c>
      <c r="G5" s="2">
        <v>9.7707853951977484E-3</v>
      </c>
      <c r="H5" s="1">
        <v>1742</v>
      </c>
      <c r="I5" s="1">
        <v>1804</v>
      </c>
      <c r="J5" s="1">
        <v>1760</v>
      </c>
      <c r="K5" s="1">
        <v>1752</v>
      </c>
      <c r="L5" s="2">
        <v>-1.8498731743846503E-3</v>
      </c>
      <c r="M5" s="2">
        <v>0.43322297870319376</v>
      </c>
      <c r="N5" s="2">
        <v>0.4332452873151928</v>
      </c>
      <c r="O5" s="2">
        <v>0.44120243248133018</v>
      </c>
      <c r="P5" s="34">
        <v>0</v>
      </c>
      <c r="Q5" s="2">
        <v>0.44231167294108759</v>
      </c>
      <c r="R5" s="2">
        <v>6.4044924014454246E-2</v>
      </c>
      <c r="S5" s="3">
        <v>4238</v>
      </c>
      <c r="T5" s="18">
        <v>3074</v>
      </c>
      <c r="U5" s="18">
        <v>1332</v>
      </c>
      <c r="V5" s="18">
        <v>1332</v>
      </c>
    </row>
    <row r="6" spans="1:24" x14ac:dyDescent="0.25">
      <c r="A6" s="22">
        <v>1</v>
      </c>
      <c r="B6" s="23" t="s">
        <v>1</v>
      </c>
      <c r="C6" s="24">
        <v>3611</v>
      </c>
      <c r="D6" s="24">
        <v>3366</v>
      </c>
      <c r="E6" s="24">
        <v>3035</v>
      </c>
      <c r="F6" s="24">
        <v>3164</v>
      </c>
      <c r="G6" s="25">
        <v>4.6987908023239093E-2</v>
      </c>
      <c r="H6" s="24">
        <v>3229</v>
      </c>
      <c r="I6" s="24">
        <v>2981</v>
      </c>
      <c r="J6" s="24">
        <v>2659</v>
      </c>
      <c r="K6" s="24">
        <v>2751</v>
      </c>
      <c r="L6" s="25">
        <v>5.7868042321772978E-2</v>
      </c>
      <c r="M6" s="25">
        <v>0.10570923072065549</v>
      </c>
      <c r="N6" s="25">
        <v>0.11541605733832229</v>
      </c>
      <c r="O6" s="25">
        <v>0.11763961514348355</v>
      </c>
      <c r="P6" s="35">
        <v>3.3E-3</v>
      </c>
      <c r="Q6" s="25">
        <v>0.34008420168198483</v>
      </c>
      <c r="R6" s="25">
        <v>3.1679541490409732E-2</v>
      </c>
      <c r="S6" s="26">
        <v>2892</v>
      </c>
      <c r="T6" s="27">
        <v>3611</v>
      </c>
      <c r="U6" s="27">
        <v>382</v>
      </c>
      <c r="V6" s="27">
        <v>421</v>
      </c>
      <c r="X6" s="4"/>
    </row>
    <row r="7" spans="1:24" x14ac:dyDescent="0.25">
      <c r="A7" s="17">
        <v>1</v>
      </c>
      <c r="B7" s="16" t="s">
        <v>2</v>
      </c>
      <c r="C7" s="1">
        <v>1174</v>
      </c>
      <c r="D7" s="1">
        <v>1375</v>
      </c>
      <c r="E7" s="1">
        <v>873</v>
      </c>
      <c r="F7" s="28" t="s">
        <v>61</v>
      </c>
      <c r="G7" s="28" t="s">
        <v>61</v>
      </c>
      <c r="H7" s="1">
        <v>1264</v>
      </c>
      <c r="I7" s="1">
        <v>1168</v>
      </c>
      <c r="J7" s="1">
        <v>948</v>
      </c>
      <c r="K7" s="28" t="s">
        <v>61</v>
      </c>
      <c r="L7" s="28" t="s">
        <v>61</v>
      </c>
      <c r="M7" s="2">
        <v>-7.6396251851208408E-2</v>
      </c>
      <c r="N7" s="2">
        <v>-7.6396251851208408E-2</v>
      </c>
      <c r="O7" s="2">
        <v>1.3611885873298514E-2</v>
      </c>
      <c r="P7" s="34">
        <v>1.0892062666465733E-2</v>
      </c>
      <c r="Q7" s="2">
        <v>0.35662283621554164</v>
      </c>
      <c r="R7" s="2">
        <v>4.6004096441748295E-3</v>
      </c>
      <c r="S7" s="3">
        <v>1439</v>
      </c>
      <c r="T7" s="18">
        <v>1174</v>
      </c>
      <c r="U7" s="18">
        <v>-90</v>
      </c>
      <c r="V7" s="18">
        <v>-90</v>
      </c>
    </row>
    <row r="8" spans="1:24" x14ac:dyDescent="0.25">
      <c r="A8" s="22">
        <v>1</v>
      </c>
      <c r="B8" s="23" t="s">
        <v>3</v>
      </c>
      <c r="C8" s="24">
        <v>10254</v>
      </c>
      <c r="D8" s="24">
        <v>9898</v>
      </c>
      <c r="E8" s="24">
        <v>8854</v>
      </c>
      <c r="F8" s="24">
        <v>9513</v>
      </c>
      <c r="G8" s="25">
        <v>2.595375328807949E-2</v>
      </c>
      <c r="H8" s="24">
        <v>8096</v>
      </c>
      <c r="I8" s="24">
        <v>7320</v>
      </c>
      <c r="J8" s="24">
        <v>6765</v>
      </c>
      <c r="K8" s="24">
        <v>6695</v>
      </c>
      <c r="L8" s="25">
        <v>6.973942270427784E-2</v>
      </c>
      <c r="M8" s="25">
        <v>0.2238710774032755</v>
      </c>
      <c r="N8" s="25">
        <v>0.2238710774032755</v>
      </c>
      <c r="O8" s="25">
        <v>0.23996816427546366</v>
      </c>
      <c r="P8" s="35">
        <v>3.7032708973305468E-2</v>
      </c>
      <c r="Q8" s="25">
        <v>0.24075874661030025</v>
      </c>
      <c r="R8" s="25">
        <v>3.8594351511401857E-2</v>
      </c>
      <c r="S8" s="26">
        <v>6679</v>
      </c>
      <c r="T8" s="27">
        <v>10431</v>
      </c>
      <c r="U8" s="27">
        <v>2335</v>
      </c>
      <c r="V8" s="27">
        <v>2335</v>
      </c>
    </row>
    <row r="9" spans="1:24" x14ac:dyDescent="0.25">
      <c r="A9" s="17">
        <v>1</v>
      </c>
      <c r="B9" s="16" t="s">
        <v>4</v>
      </c>
      <c r="C9" s="1">
        <v>6518</v>
      </c>
      <c r="D9" s="1">
        <v>4003</v>
      </c>
      <c r="E9" s="1">
        <v>2511</v>
      </c>
      <c r="F9" s="1">
        <v>1434</v>
      </c>
      <c r="G9" s="2">
        <v>1.1817747549281121</v>
      </c>
      <c r="H9" s="1">
        <v>6029</v>
      </c>
      <c r="I9" s="1">
        <v>4133</v>
      </c>
      <c r="J9" s="1">
        <v>3381</v>
      </c>
      <c r="K9" s="1">
        <v>2474</v>
      </c>
      <c r="L9" s="2">
        <v>0.47892941903025132</v>
      </c>
      <c r="M9" s="2">
        <v>8.2055077417028818E-2</v>
      </c>
      <c r="N9" s="2">
        <v>8.2055077417028818E-2</v>
      </c>
      <c r="O9" s="2">
        <v>-3.5281632751653184E-2</v>
      </c>
      <c r="P9" s="34">
        <v>6.3011544847515977E-2</v>
      </c>
      <c r="Q9" s="2">
        <v>0.27833432675984165</v>
      </c>
      <c r="R9" s="2">
        <v>4.1856932774559687E-2</v>
      </c>
      <c r="S9" s="3">
        <v>4555</v>
      </c>
      <c r="T9" s="18">
        <v>6568</v>
      </c>
      <c r="U9" s="18">
        <v>539</v>
      </c>
      <c r="V9" s="18">
        <v>539</v>
      </c>
    </row>
    <row r="10" spans="1:24" x14ac:dyDescent="0.25">
      <c r="A10" s="22">
        <v>1</v>
      </c>
      <c r="B10" s="23" t="s">
        <v>5</v>
      </c>
      <c r="C10" s="24">
        <v>148</v>
      </c>
      <c r="D10" s="24">
        <v>164</v>
      </c>
      <c r="E10" s="24">
        <v>216</v>
      </c>
      <c r="F10" s="24">
        <v>210</v>
      </c>
      <c r="G10" s="25">
        <v>-9.7350561833468421E-2</v>
      </c>
      <c r="H10" s="24">
        <v>213</v>
      </c>
      <c r="I10" s="24">
        <v>224</v>
      </c>
      <c r="J10" s="24">
        <v>297</v>
      </c>
      <c r="K10" s="24">
        <v>284</v>
      </c>
      <c r="L10" s="25">
        <v>-8.3812103834268584E-2</v>
      </c>
      <c r="M10" s="25">
        <v>-0.41361875718376484</v>
      </c>
      <c r="N10" s="25">
        <v>-0.41361875718376484</v>
      </c>
      <c r="O10" s="25">
        <v>-0.3817496907891888</v>
      </c>
      <c r="P10" s="35">
        <v>0</v>
      </c>
      <c r="Q10" s="25">
        <v>0.3820902760004849</v>
      </c>
      <c r="R10" s="25">
        <v>0.17327146109187894</v>
      </c>
      <c r="S10" s="26">
        <v>726</v>
      </c>
      <c r="T10" s="27">
        <v>151</v>
      </c>
      <c r="U10" s="27">
        <v>-62</v>
      </c>
      <c r="V10" s="27">
        <v>-62</v>
      </c>
    </row>
    <row r="11" spans="1:24" x14ac:dyDescent="0.25">
      <c r="A11" s="17">
        <v>1</v>
      </c>
      <c r="B11" s="16" t="s">
        <v>6</v>
      </c>
      <c r="C11" s="1">
        <v>5935</v>
      </c>
      <c r="D11" s="1">
        <v>6756</v>
      </c>
      <c r="E11" s="1">
        <v>7273</v>
      </c>
      <c r="F11" s="1">
        <v>7523</v>
      </c>
      <c r="G11" s="2">
        <v>-7.036546111711918E-2</v>
      </c>
      <c r="H11" s="1">
        <v>4334</v>
      </c>
      <c r="I11" s="1">
        <v>4968</v>
      </c>
      <c r="J11" s="1">
        <v>5124</v>
      </c>
      <c r="K11" s="1">
        <v>5620</v>
      </c>
      <c r="L11" s="2">
        <v>-7.6301113290265093E-2</v>
      </c>
      <c r="M11" s="2">
        <v>0.27089838912877279</v>
      </c>
      <c r="N11" s="2">
        <v>0.2916279528987758</v>
      </c>
      <c r="O11" s="2">
        <v>0.2724413956163752</v>
      </c>
      <c r="P11" s="34">
        <v>1.987044684892616E-3</v>
      </c>
      <c r="Q11" s="2">
        <v>0.65258661159675813</v>
      </c>
      <c r="R11" s="2">
        <v>4.0610043735822984E-2</v>
      </c>
      <c r="S11" s="3">
        <v>3043</v>
      </c>
      <c r="T11" s="18">
        <v>5944</v>
      </c>
      <c r="U11" s="18">
        <v>1610</v>
      </c>
      <c r="V11" s="18">
        <v>1784</v>
      </c>
    </row>
    <row r="12" spans="1:24" x14ac:dyDescent="0.25">
      <c r="A12" s="22">
        <v>1</v>
      </c>
      <c r="B12" s="23" t="s">
        <v>7</v>
      </c>
      <c r="C12" s="24">
        <v>1413</v>
      </c>
      <c r="D12" s="24">
        <v>1504</v>
      </c>
      <c r="E12" s="24">
        <v>1671</v>
      </c>
      <c r="F12" s="24">
        <v>1479</v>
      </c>
      <c r="G12" s="25">
        <v>-1.4862831335783949E-2</v>
      </c>
      <c r="H12" s="24">
        <v>1241</v>
      </c>
      <c r="I12" s="24">
        <v>1316</v>
      </c>
      <c r="J12" s="24">
        <v>1315</v>
      </c>
      <c r="K12" s="24">
        <v>1360</v>
      </c>
      <c r="L12" s="25">
        <v>-2.9184941426376409E-2</v>
      </c>
      <c r="M12" s="25">
        <v>0.12197832219999802</v>
      </c>
      <c r="N12" s="25">
        <v>0.12197832219999802</v>
      </c>
      <c r="O12" s="25">
        <v>0.15593749073642985</v>
      </c>
      <c r="P12" s="35">
        <v>0</v>
      </c>
      <c r="Q12" s="25">
        <v>5.0271290999763601E-2</v>
      </c>
      <c r="R12" s="25">
        <v>5.5985176314377646E-4</v>
      </c>
      <c r="S12" s="26">
        <v>329</v>
      </c>
      <c r="T12" s="27">
        <v>1413</v>
      </c>
      <c r="U12" s="27">
        <v>172</v>
      </c>
      <c r="V12" s="27">
        <v>172</v>
      </c>
    </row>
    <row r="13" spans="1:24" x14ac:dyDescent="0.25">
      <c r="A13" s="17">
        <v>1</v>
      </c>
      <c r="B13" s="16" t="s">
        <v>8</v>
      </c>
      <c r="C13" s="1">
        <v>1990</v>
      </c>
      <c r="D13" s="1">
        <v>2211</v>
      </c>
      <c r="E13" s="1">
        <v>2077</v>
      </c>
      <c r="F13" s="1">
        <v>1755</v>
      </c>
      <c r="G13" s="2">
        <v>4.4686687637180846E-2</v>
      </c>
      <c r="H13" s="1">
        <v>1921</v>
      </c>
      <c r="I13" s="1">
        <v>2146</v>
      </c>
      <c r="J13" s="1">
        <v>2092</v>
      </c>
      <c r="K13" s="1">
        <v>1783</v>
      </c>
      <c r="L13" s="2">
        <v>2.585631083206914E-2</v>
      </c>
      <c r="M13" s="2">
        <v>5.5353407227683588E-2</v>
      </c>
      <c r="N13" s="2">
        <v>5.5353407227683588E-2</v>
      </c>
      <c r="O13" s="2">
        <v>2.5894562132464331E-2</v>
      </c>
      <c r="P13" s="34">
        <v>0</v>
      </c>
      <c r="Q13" s="2">
        <v>0.29961919628654815</v>
      </c>
      <c r="R13" s="2">
        <v>0</v>
      </c>
      <c r="S13" s="3">
        <v>3962</v>
      </c>
      <c r="T13" s="18">
        <v>2034</v>
      </c>
      <c r="U13" s="18">
        <v>113</v>
      </c>
      <c r="V13" s="18">
        <v>113</v>
      </c>
    </row>
    <row r="14" spans="1:24" x14ac:dyDescent="0.25">
      <c r="A14" s="22">
        <v>1</v>
      </c>
      <c r="B14" s="23" t="s">
        <v>9</v>
      </c>
      <c r="C14" s="24">
        <v>2185</v>
      </c>
      <c r="D14" s="24">
        <v>2204</v>
      </c>
      <c r="E14" s="24">
        <v>2483</v>
      </c>
      <c r="F14" s="24">
        <v>2404</v>
      </c>
      <c r="G14" s="25">
        <v>-3.0308955292387699E-2</v>
      </c>
      <c r="H14" s="24">
        <v>2323</v>
      </c>
      <c r="I14" s="24">
        <v>2279</v>
      </c>
      <c r="J14" s="24">
        <v>2496</v>
      </c>
      <c r="K14" s="24">
        <v>2345</v>
      </c>
      <c r="L14" s="25">
        <v>-3.1162904756319907E-3</v>
      </c>
      <c r="M14" s="25">
        <v>1.8490967056323061E-2</v>
      </c>
      <c r="N14" s="25">
        <v>1.8490967056323061E-2</v>
      </c>
      <c r="O14" s="25">
        <v>-5.4523246365116912E-3</v>
      </c>
      <c r="P14" s="35">
        <v>0</v>
      </c>
      <c r="Q14" s="25">
        <v>0.48181144232617312</v>
      </c>
      <c r="R14" s="25">
        <v>2.5197005335847192E-2</v>
      </c>
      <c r="S14" s="26">
        <v>1597</v>
      </c>
      <c r="T14" s="27">
        <v>2367</v>
      </c>
      <c r="U14" s="27">
        <v>44</v>
      </c>
      <c r="V14" s="27">
        <v>44</v>
      </c>
    </row>
    <row r="15" spans="1:24" x14ac:dyDescent="0.25">
      <c r="A15" s="17">
        <v>1</v>
      </c>
      <c r="B15" s="16" t="s">
        <v>10</v>
      </c>
      <c r="C15" s="1">
        <v>3023</v>
      </c>
      <c r="D15" s="1">
        <v>1995</v>
      </c>
      <c r="E15" s="1">
        <v>2361</v>
      </c>
      <c r="F15" s="1">
        <v>2192</v>
      </c>
      <c r="G15" s="2">
        <v>0.12633586172643049</v>
      </c>
      <c r="H15" s="1">
        <v>3134</v>
      </c>
      <c r="I15" s="1">
        <v>2274</v>
      </c>
      <c r="J15" s="1">
        <v>2384</v>
      </c>
      <c r="K15" s="1">
        <v>2283</v>
      </c>
      <c r="L15" s="2">
        <v>0.12425468188419574</v>
      </c>
      <c r="M15" s="2">
        <v>3.2734890011151237E-3</v>
      </c>
      <c r="N15" s="2">
        <v>3.2734890011151237E-3</v>
      </c>
      <c r="O15" s="2">
        <v>-3.890797598039987E-2</v>
      </c>
      <c r="P15" s="34">
        <v>1.8375092285367331E-3</v>
      </c>
      <c r="Q15" s="2">
        <v>0.41591434026970159</v>
      </c>
      <c r="R15" s="2">
        <v>4.5855285577510806E-2</v>
      </c>
      <c r="S15" s="3">
        <v>1283</v>
      </c>
      <c r="T15" s="18">
        <v>3144</v>
      </c>
      <c r="U15" s="18">
        <v>10</v>
      </c>
      <c r="V15" s="18">
        <v>10</v>
      </c>
    </row>
    <row r="16" spans="1:24" x14ac:dyDescent="0.25">
      <c r="A16" s="22">
        <v>1</v>
      </c>
      <c r="B16" s="23" t="s">
        <v>11</v>
      </c>
      <c r="C16" s="24">
        <v>5988</v>
      </c>
      <c r="D16" s="24">
        <v>6163</v>
      </c>
      <c r="E16" s="24">
        <v>5747</v>
      </c>
      <c r="F16" s="24">
        <v>5368</v>
      </c>
      <c r="G16" s="25">
        <v>3.8499751614505716E-2</v>
      </c>
      <c r="H16" s="24">
        <v>3147</v>
      </c>
      <c r="I16" s="24">
        <v>3415</v>
      </c>
      <c r="J16" s="24">
        <v>3121</v>
      </c>
      <c r="K16" s="24">
        <v>3001</v>
      </c>
      <c r="L16" s="25">
        <v>1.6216816616683328E-2</v>
      </c>
      <c r="M16" s="25">
        <v>0.47444889779559118</v>
      </c>
      <c r="N16" s="25">
        <v>0.47444889779559118</v>
      </c>
      <c r="O16" s="25">
        <v>0.45898983126606324</v>
      </c>
      <c r="P16" s="35">
        <v>2.4983170020195976E-2</v>
      </c>
      <c r="Q16" s="25">
        <v>0.25937055195318676</v>
      </c>
      <c r="R16" s="25">
        <v>3.1472402340661079E-2</v>
      </c>
      <c r="S16" s="26">
        <v>3638</v>
      </c>
      <c r="T16" s="27">
        <v>5988</v>
      </c>
      <c r="U16" s="27">
        <v>2841</v>
      </c>
      <c r="V16" s="27">
        <v>2841</v>
      </c>
    </row>
    <row r="17" spans="1:22" x14ac:dyDescent="0.25">
      <c r="A17" s="17">
        <v>1</v>
      </c>
      <c r="B17" s="16" t="s">
        <v>12</v>
      </c>
      <c r="C17" s="1">
        <v>2802</v>
      </c>
      <c r="D17" s="1">
        <v>3084</v>
      </c>
      <c r="E17" s="1">
        <v>3147</v>
      </c>
      <c r="F17" s="1">
        <v>2913</v>
      </c>
      <c r="G17" s="2">
        <v>-1.2697903768543404E-2</v>
      </c>
      <c r="H17" s="1">
        <v>1348</v>
      </c>
      <c r="I17" s="1">
        <v>1469</v>
      </c>
      <c r="J17" s="1">
        <v>1496</v>
      </c>
      <c r="K17" s="1">
        <v>1484</v>
      </c>
      <c r="L17" s="2">
        <v>-3.0717192587238189E-2</v>
      </c>
      <c r="M17" s="2">
        <v>0.51906438208133665</v>
      </c>
      <c r="N17" s="2">
        <v>0.52935707789858366</v>
      </c>
      <c r="O17" s="2">
        <v>0.52580929423308975</v>
      </c>
      <c r="P17" s="34">
        <v>0</v>
      </c>
      <c r="Q17" s="2">
        <v>0.29343017554077611</v>
      </c>
      <c r="R17" s="2">
        <v>1.3397171533758446E-3</v>
      </c>
      <c r="S17" s="3">
        <v>4541</v>
      </c>
      <c r="T17" s="18">
        <v>2802</v>
      </c>
      <c r="U17" s="18">
        <v>1454</v>
      </c>
      <c r="V17" s="18">
        <v>1516</v>
      </c>
    </row>
    <row r="18" spans="1:22" x14ac:dyDescent="0.25">
      <c r="A18" s="22">
        <v>1</v>
      </c>
      <c r="B18" s="23" t="s">
        <v>13</v>
      </c>
      <c r="C18" s="24">
        <v>3863</v>
      </c>
      <c r="D18" s="24">
        <v>3671</v>
      </c>
      <c r="E18" s="24">
        <v>4631</v>
      </c>
      <c r="F18" s="24">
        <v>3329</v>
      </c>
      <c r="G18" s="25">
        <v>5.352433266935961E-2</v>
      </c>
      <c r="H18" s="24">
        <v>3355</v>
      </c>
      <c r="I18" s="24">
        <v>3332</v>
      </c>
      <c r="J18" s="24">
        <v>3769</v>
      </c>
      <c r="K18" s="24">
        <v>3419</v>
      </c>
      <c r="L18" s="25">
        <v>-6.2856459325945488E-3</v>
      </c>
      <c r="M18" s="25">
        <v>0.13167978349086809</v>
      </c>
      <c r="N18" s="25">
        <v>0.13167978349086809</v>
      </c>
      <c r="O18" s="25">
        <v>0.14150208883926424</v>
      </c>
      <c r="P18" s="35">
        <v>9.4980624353369178E-4</v>
      </c>
      <c r="Q18" s="25">
        <v>0.43765833841528673</v>
      </c>
      <c r="R18" s="25">
        <v>1.8467549452597359E-2</v>
      </c>
      <c r="S18" s="26">
        <v>2039</v>
      </c>
      <c r="T18" s="27">
        <v>3863</v>
      </c>
      <c r="U18" s="27">
        <v>509</v>
      </c>
      <c r="V18" s="27">
        <v>509</v>
      </c>
    </row>
    <row r="19" spans="1:22" x14ac:dyDescent="0.25">
      <c r="A19" s="17">
        <v>1</v>
      </c>
      <c r="B19" s="16" t="s">
        <v>14</v>
      </c>
      <c r="C19" s="1">
        <v>4098</v>
      </c>
      <c r="D19" s="1">
        <v>5927</v>
      </c>
      <c r="E19" s="1">
        <v>5833</v>
      </c>
      <c r="F19" s="1">
        <v>5084</v>
      </c>
      <c r="G19" s="2">
        <v>-6.4686810986234855E-2</v>
      </c>
      <c r="H19" s="1">
        <v>4149</v>
      </c>
      <c r="I19" s="1">
        <v>5887</v>
      </c>
      <c r="J19" s="1">
        <v>6128</v>
      </c>
      <c r="K19" s="1">
        <v>5257</v>
      </c>
      <c r="L19" s="2">
        <v>-7.026348895540982E-2</v>
      </c>
      <c r="M19" s="2">
        <v>-1.2512299498649007E-2</v>
      </c>
      <c r="N19" s="2">
        <v>-1.2512299498649007E-2</v>
      </c>
      <c r="O19" s="2">
        <v>-1.9299044604624321E-2</v>
      </c>
      <c r="P19" s="34">
        <v>1.7425636424241803E-2</v>
      </c>
      <c r="Q19" s="2">
        <v>0.49883520819341842</v>
      </c>
      <c r="R19" s="2">
        <v>5.4920922032892373E-2</v>
      </c>
      <c r="S19" s="3">
        <v>2176</v>
      </c>
      <c r="T19" s="18">
        <v>4098</v>
      </c>
      <c r="U19" s="18">
        <v>-51</v>
      </c>
      <c r="V19" s="18">
        <v>-51</v>
      </c>
    </row>
    <row r="20" spans="1:22" x14ac:dyDescent="0.25">
      <c r="A20" s="22">
        <v>1</v>
      </c>
      <c r="B20" s="23" t="s">
        <v>15</v>
      </c>
      <c r="C20" s="24">
        <v>5179</v>
      </c>
      <c r="D20" s="24">
        <v>5249</v>
      </c>
      <c r="E20" s="24">
        <v>4404</v>
      </c>
      <c r="F20" s="24">
        <v>4188</v>
      </c>
      <c r="G20" s="25">
        <v>7.8876154091053807E-2</v>
      </c>
      <c r="H20" s="24">
        <v>2289</v>
      </c>
      <c r="I20" s="24">
        <v>2514</v>
      </c>
      <c r="J20" s="24">
        <v>3018</v>
      </c>
      <c r="K20" s="24">
        <v>3025</v>
      </c>
      <c r="L20" s="25">
        <v>-8.1101928374655644E-2</v>
      </c>
      <c r="M20" s="25">
        <v>0.55802278432129759</v>
      </c>
      <c r="N20" s="25">
        <v>0.55802278432129759</v>
      </c>
      <c r="O20" s="25">
        <v>0.47269417475728154</v>
      </c>
      <c r="P20" s="35">
        <v>1.4220832402650584E-2</v>
      </c>
      <c r="Q20" s="25">
        <v>0.31936685288640598</v>
      </c>
      <c r="R20" s="25">
        <v>2.5512104283054005E-2</v>
      </c>
      <c r="S20" s="26">
        <v>4856</v>
      </c>
      <c r="T20" s="27">
        <v>5179</v>
      </c>
      <c r="U20" s="27">
        <v>2890</v>
      </c>
      <c r="V20" s="27">
        <v>2890</v>
      </c>
    </row>
    <row r="21" spans="1:22" x14ac:dyDescent="0.25">
      <c r="A21" s="17">
        <v>1</v>
      </c>
      <c r="B21" s="16" t="s">
        <v>16</v>
      </c>
      <c r="C21" s="1">
        <v>541</v>
      </c>
      <c r="D21" s="1">
        <v>599</v>
      </c>
      <c r="E21" s="1">
        <v>567</v>
      </c>
      <c r="F21" s="1">
        <v>544</v>
      </c>
      <c r="G21" s="2">
        <v>-2.0336302874847155E-3</v>
      </c>
      <c r="H21" s="1">
        <v>410</v>
      </c>
      <c r="I21" s="1">
        <v>392</v>
      </c>
      <c r="J21" s="1">
        <v>366</v>
      </c>
      <c r="K21" s="1">
        <v>362</v>
      </c>
      <c r="L21" s="2">
        <v>4.4327038886450613E-2</v>
      </c>
      <c r="M21" s="2">
        <v>0.52352135402760525</v>
      </c>
      <c r="N21" s="2">
        <v>0.52352135402760525</v>
      </c>
      <c r="O21" s="2">
        <v>0.42379111939845826</v>
      </c>
      <c r="P21" s="34">
        <v>0</v>
      </c>
      <c r="Q21" s="2">
        <v>4.0996268525558838E-3</v>
      </c>
      <c r="R21" s="2">
        <v>0</v>
      </c>
      <c r="S21" s="3">
        <v>365</v>
      </c>
      <c r="T21" s="18">
        <v>861</v>
      </c>
      <c r="U21" s="18">
        <v>451</v>
      </c>
      <c r="V21" s="18">
        <v>451</v>
      </c>
    </row>
    <row r="22" spans="1:22" x14ac:dyDescent="0.25">
      <c r="A22" s="22">
        <v>1</v>
      </c>
      <c r="B22" s="23" t="s">
        <v>17</v>
      </c>
      <c r="C22" s="24">
        <v>2570</v>
      </c>
      <c r="D22" s="24">
        <v>3152</v>
      </c>
      <c r="E22" s="24">
        <v>2969</v>
      </c>
      <c r="F22" s="24">
        <v>2704</v>
      </c>
      <c r="G22" s="25">
        <v>-1.6520010612099175E-2</v>
      </c>
      <c r="H22" s="24">
        <v>1609</v>
      </c>
      <c r="I22" s="24">
        <v>1587</v>
      </c>
      <c r="J22" s="24">
        <v>1666</v>
      </c>
      <c r="K22" s="24">
        <v>1486</v>
      </c>
      <c r="L22" s="25">
        <v>2.758678840949436E-2</v>
      </c>
      <c r="M22" s="25">
        <v>0.37372199717491039</v>
      </c>
      <c r="N22" s="25">
        <v>0.37372199717491039</v>
      </c>
      <c r="O22" s="25">
        <v>0.44057149122953365</v>
      </c>
      <c r="P22" s="35">
        <v>0</v>
      </c>
      <c r="Q22" s="25">
        <v>9.2525575621733733E-2</v>
      </c>
      <c r="R22" s="25">
        <v>2.4452979379958988E-3</v>
      </c>
      <c r="S22" s="26">
        <v>3330</v>
      </c>
      <c r="T22" s="27">
        <v>2570</v>
      </c>
      <c r="U22" s="27">
        <v>960</v>
      </c>
      <c r="V22" s="27">
        <v>960</v>
      </c>
    </row>
    <row r="23" spans="1:22" x14ac:dyDescent="0.25">
      <c r="A23" s="17">
        <v>1</v>
      </c>
      <c r="B23" s="16" t="s">
        <v>18</v>
      </c>
      <c r="C23" s="1">
        <v>5799</v>
      </c>
      <c r="D23" s="1">
        <v>6201</v>
      </c>
      <c r="E23" s="1">
        <v>5515</v>
      </c>
      <c r="F23" s="1">
        <v>4731</v>
      </c>
      <c r="G23" s="2">
        <v>7.5261469179149429E-2</v>
      </c>
      <c r="H23" s="1">
        <v>3180</v>
      </c>
      <c r="I23" s="1">
        <v>3544</v>
      </c>
      <c r="J23" s="1">
        <v>3559</v>
      </c>
      <c r="K23" s="1">
        <v>3048</v>
      </c>
      <c r="L23" s="2">
        <v>1.4369224463855065E-2</v>
      </c>
      <c r="M23" s="2">
        <v>0.45170166446089316</v>
      </c>
      <c r="N23" s="2">
        <v>0.45170166446089316</v>
      </c>
      <c r="O23" s="2">
        <v>0.4129247423326099</v>
      </c>
      <c r="P23" s="34">
        <v>7.4738947201724868E-3</v>
      </c>
      <c r="Q23" s="2">
        <v>0.53428960695629746</v>
      </c>
      <c r="R23" s="2">
        <v>1.049097139128535E-2</v>
      </c>
      <c r="S23" s="3">
        <v>3319</v>
      </c>
      <c r="T23" s="18">
        <v>5799</v>
      </c>
      <c r="U23" s="18">
        <v>2619</v>
      </c>
      <c r="V23" s="18">
        <v>2619</v>
      </c>
    </row>
    <row r="24" spans="1:22" x14ac:dyDescent="0.25">
      <c r="A24" s="22">
        <v>1</v>
      </c>
      <c r="B24" s="23" t="s">
        <v>19</v>
      </c>
      <c r="C24" s="24">
        <v>2688</v>
      </c>
      <c r="D24" s="24">
        <v>3048</v>
      </c>
      <c r="E24" s="24">
        <v>2820</v>
      </c>
      <c r="F24" s="24">
        <v>2444</v>
      </c>
      <c r="G24" s="25">
        <v>3.3254582458058408E-2</v>
      </c>
      <c r="H24" s="24">
        <v>1410</v>
      </c>
      <c r="I24" s="24">
        <v>1584</v>
      </c>
      <c r="J24" s="24">
        <v>1454</v>
      </c>
      <c r="K24" s="24">
        <v>1347</v>
      </c>
      <c r="L24" s="25">
        <v>1.5493501053197809E-2</v>
      </c>
      <c r="M24" s="25">
        <v>0.47549088181631483</v>
      </c>
      <c r="N24" s="25">
        <v>0.50774409246052188</v>
      </c>
      <c r="O24" s="25">
        <v>0.49074528476231849</v>
      </c>
      <c r="P24" s="35">
        <v>1.6046572667002955E-2</v>
      </c>
      <c r="Q24" s="25">
        <v>0.14848590788215413</v>
      </c>
      <c r="R24" s="25">
        <v>1.9517484967970972E-2</v>
      </c>
      <c r="S24" s="26">
        <v>3497</v>
      </c>
      <c r="T24" s="27">
        <v>2688</v>
      </c>
      <c r="U24" s="27">
        <v>1278</v>
      </c>
      <c r="V24" s="27">
        <v>1454</v>
      </c>
    </row>
    <row r="25" spans="1:22" x14ac:dyDescent="0.25">
      <c r="A25" s="17">
        <v>1</v>
      </c>
      <c r="B25" s="16" t="s">
        <v>20</v>
      </c>
      <c r="C25" s="1">
        <v>1068</v>
      </c>
      <c r="D25" s="1">
        <v>1042</v>
      </c>
      <c r="E25" s="1">
        <v>1134</v>
      </c>
      <c r="F25" s="1">
        <v>1241</v>
      </c>
      <c r="G25" s="2">
        <v>-4.6513326325483738E-2</v>
      </c>
      <c r="H25" s="1">
        <v>1157</v>
      </c>
      <c r="I25" s="1">
        <v>1102</v>
      </c>
      <c r="J25" s="1">
        <v>1401</v>
      </c>
      <c r="K25" s="1">
        <v>1307</v>
      </c>
      <c r="L25" s="2">
        <v>-3.8258597074225527E-2</v>
      </c>
      <c r="M25" s="2">
        <v>-8.2770486907794288E-2</v>
      </c>
      <c r="N25" s="2">
        <v>-8.2770486907794288E-2</v>
      </c>
      <c r="O25" s="2">
        <v>-0.12755400000184908</v>
      </c>
      <c r="P25" s="34">
        <v>0</v>
      </c>
      <c r="Q25" s="2">
        <v>2.3039024330879745E-2</v>
      </c>
      <c r="R25" s="2">
        <v>0.11136168113451117</v>
      </c>
      <c r="S25" s="37" t="s">
        <v>310</v>
      </c>
      <c r="T25" s="18">
        <v>1068</v>
      </c>
      <c r="U25" s="18">
        <v>-88</v>
      </c>
      <c r="V25" s="18">
        <v>-88</v>
      </c>
    </row>
    <row r="26" spans="1:22" x14ac:dyDescent="0.25">
      <c r="A26" s="22">
        <v>1</v>
      </c>
      <c r="B26" s="23" t="s">
        <v>21</v>
      </c>
      <c r="C26" s="24">
        <v>4060</v>
      </c>
      <c r="D26" s="24">
        <v>3651</v>
      </c>
      <c r="E26" s="24">
        <v>3711</v>
      </c>
      <c r="F26" s="24">
        <v>4142</v>
      </c>
      <c r="G26" s="25">
        <v>-6.5766842526751258E-3</v>
      </c>
      <c r="H26" s="24">
        <v>3753</v>
      </c>
      <c r="I26" s="24">
        <v>3348</v>
      </c>
      <c r="J26" s="24">
        <v>3352</v>
      </c>
      <c r="K26" s="24">
        <v>3759</v>
      </c>
      <c r="L26" s="25">
        <v>-6.1506733200690879E-4</v>
      </c>
      <c r="M26" s="25">
        <v>7.7897763685044447E-2</v>
      </c>
      <c r="N26" s="25">
        <v>0.13843201244592732</v>
      </c>
      <c r="O26" s="25">
        <v>0.10982314660431294</v>
      </c>
      <c r="P26" s="35">
        <v>7.009387589044954E-3</v>
      </c>
      <c r="Q26" s="25">
        <v>0.24195872888492814</v>
      </c>
      <c r="R26" s="25">
        <v>3.778969451236589E-3</v>
      </c>
      <c r="S26" s="26">
        <v>1396</v>
      </c>
      <c r="T26" s="27">
        <v>4070</v>
      </c>
      <c r="U26" s="27">
        <v>317</v>
      </c>
      <c r="V26" s="27">
        <v>603</v>
      </c>
    </row>
    <row r="27" spans="1:22" x14ac:dyDescent="0.25">
      <c r="A27" s="17">
        <v>1</v>
      </c>
      <c r="B27" s="16" t="s">
        <v>22</v>
      </c>
      <c r="C27" s="1">
        <v>8274</v>
      </c>
      <c r="D27" s="1">
        <v>9303</v>
      </c>
      <c r="E27" s="1">
        <v>8507</v>
      </c>
      <c r="F27" s="1">
        <v>8131</v>
      </c>
      <c r="G27" s="2">
        <v>5.873240688447791E-3</v>
      </c>
      <c r="H27" s="1">
        <v>6524</v>
      </c>
      <c r="I27" s="1">
        <v>6436</v>
      </c>
      <c r="J27" s="1">
        <v>6367</v>
      </c>
      <c r="K27" s="1">
        <v>6091</v>
      </c>
      <c r="L27" s="2">
        <v>2.3660774333113681E-2</v>
      </c>
      <c r="M27" s="2">
        <v>0.2117</v>
      </c>
      <c r="N27" s="2">
        <v>0.28539999999999999</v>
      </c>
      <c r="O27" s="2">
        <v>0.28299999999999997</v>
      </c>
      <c r="P27" s="34">
        <v>1.7071584506104583E-2</v>
      </c>
      <c r="Q27" s="2">
        <v>0.15283701722061446</v>
      </c>
      <c r="R27" s="2">
        <v>-1.8768215738397976E-2</v>
      </c>
      <c r="S27" s="3">
        <v>8532</v>
      </c>
      <c r="T27" s="18">
        <v>8276</v>
      </c>
      <c r="U27" s="18">
        <v>1752</v>
      </c>
      <c r="V27" s="18">
        <v>2605</v>
      </c>
    </row>
    <row r="28" spans="1:22" x14ac:dyDescent="0.25">
      <c r="A28" s="22">
        <v>1</v>
      </c>
      <c r="B28" s="23" t="s">
        <v>23</v>
      </c>
      <c r="C28" s="24">
        <v>2119</v>
      </c>
      <c r="D28" s="24">
        <v>2371</v>
      </c>
      <c r="E28" s="24">
        <v>2438</v>
      </c>
      <c r="F28" s="24">
        <v>2320</v>
      </c>
      <c r="G28" s="25">
        <v>-2.8854286406775943E-2</v>
      </c>
      <c r="H28" s="24">
        <v>2094</v>
      </c>
      <c r="I28" s="24">
        <v>2101</v>
      </c>
      <c r="J28" s="24">
        <v>2055</v>
      </c>
      <c r="K28" s="24">
        <v>2079</v>
      </c>
      <c r="L28" s="25">
        <v>2.4880217052473592E-3</v>
      </c>
      <c r="M28" s="25">
        <v>1.180394207122001E-2</v>
      </c>
      <c r="N28" s="25">
        <v>1.1365438793930377E-2</v>
      </c>
      <c r="O28" s="25">
        <v>9.8578321673379876E-2</v>
      </c>
      <c r="P28" s="35">
        <v>3.4533281289132788E-4</v>
      </c>
      <c r="Q28" s="25">
        <v>0.56302434964129533</v>
      </c>
      <c r="R28" s="25">
        <v>3.6144146252616439E-3</v>
      </c>
      <c r="S28" s="26">
        <v>1787</v>
      </c>
      <c r="T28" s="27">
        <v>2119</v>
      </c>
      <c r="U28" s="27">
        <v>25</v>
      </c>
      <c r="V28" s="27">
        <v>24</v>
      </c>
    </row>
    <row r="29" spans="1:22" x14ac:dyDescent="0.25">
      <c r="A29" s="17">
        <v>1</v>
      </c>
      <c r="B29" s="16" t="s">
        <v>24</v>
      </c>
      <c r="C29" s="1">
        <v>4771</v>
      </c>
      <c r="D29" s="1">
        <v>5073</v>
      </c>
      <c r="E29" s="1">
        <v>5318</v>
      </c>
      <c r="F29" s="1">
        <v>5078</v>
      </c>
      <c r="G29" s="2">
        <v>-2.0114275870969808E-2</v>
      </c>
      <c r="H29" s="1">
        <v>4442</v>
      </c>
      <c r="I29" s="1">
        <v>4482</v>
      </c>
      <c r="J29" s="1">
        <v>4569</v>
      </c>
      <c r="K29" s="1">
        <v>4355</v>
      </c>
      <c r="L29" s="2">
        <v>6.6161058264667645E-3</v>
      </c>
      <c r="M29" s="2">
        <v>9.0992514448932915E-2</v>
      </c>
      <c r="N29" s="2">
        <v>9.0992514448932915E-2</v>
      </c>
      <c r="O29" s="2">
        <v>0.11762231580194724</v>
      </c>
      <c r="P29" s="34">
        <v>0</v>
      </c>
      <c r="Q29" s="2">
        <v>0.29572875390830167</v>
      </c>
      <c r="R29" s="2">
        <v>3.20041649428012E-2</v>
      </c>
      <c r="S29" s="3">
        <v>2385</v>
      </c>
      <c r="T29" s="18">
        <v>4886</v>
      </c>
      <c r="U29" s="18">
        <v>445</v>
      </c>
      <c r="V29" s="18">
        <v>445</v>
      </c>
    </row>
    <row r="30" spans="1:22" x14ac:dyDescent="0.25">
      <c r="A30" s="22">
        <v>1</v>
      </c>
      <c r="B30" s="23" t="s">
        <v>25</v>
      </c>
      <c r="C30" s="24">
        <v>236</v>
      </c>
      <c r="D30" s="24">
        <v>287</v>
      </c>
      <c r="E30" s="24">
        <v>309</v>
      </c>
      <c r="F30" s="24">
        <v>238</v>
      </c>
      <c r="G30" s="25">
        <v>-2.4185271800393694E-3</v>
      </c>
      <c r="H30" s="24">
        <v>223</v>
      </c>
      <c r="I30" s="24">
        <v>258</v>
      </c>
      <c r="J30" s="24">
        <v>243</v>
      </c>
      <c r="K30" s="24">
        <v>217</v>
      </c>
      <c r="L30" s="25">
        <v>9.528419305766837E-3</v>
      </c>
      <c r="M30" s="25">
        <v>5.4621795333505634E-2</v>
      </c>
      <c r="N30" s="25">
        <v>5.4621795333505634E-2</v>
      </c>
      <c r="O30" s="25">
        <v>0.13075739947626441</v>
      </c>
      <c r="P30" s="35">
        <v>4.8099999999999997E-2</v>
      </c>
      <c r="Q30" s="25">
        <v>0.24950534481808975</v>
      </c>
      <c r="R30" s="25">
        <v>0</v>
      </c>
      <c r="S30" s="26">
        <v>130</v>
      </c>
      <c r="T30" s="27">
        <v>236</v>
      </c>
      <c r="U30" s="27">
        <v>13</v>
      </c>
      <c r="V30" s="27">
        <v>13</v>
      </c>
    </row>
    <row r="31" spans="1:22" x14ac:dyDescent="0.25">
      <c r="A31" s="17">
        <v>1</v>
      </c>
      <c r="B31" s="16" t="s">
        <v>26</v>
      </c>
      <c r="C31" s="1">
        <v>987</v>
      </c>
      <c r="D31" s="1">
        <v>641</v>
      </c>
      <c r="E31" s="1">
        <v>734</v>
      </c>
      <c r="F31" s="1">
        <v>937</v>
      </c>
      <c r="G31" s="2">
        <v>1.7760418389239835E-2</v>
      </c>
      <c r="H31" s="1">
        <v>762</v>
      </c>
      <c r="I31" s="1">
        <v>636</v>
      </c>
      <c r="J31" s="1">
        <v>690</v>
      </c>
      <c r="K31" s="1">
        <v>744</v>
      </c>
      <c r="L31" s="2">
        <v>7.9715139293249169E-3</v>
      </c>
      <c r="M31" s="2">
        <v>0.22804051658647759</v>
      </c>
      <c r="N31" s="2">
        <v>0.22804051658647759</v>
      </c>
      <c r="O31" s="2">
        <v>0.11584371799881213</v>
      </c>
      <c r="P31" s="34">
        <v>0</v>
      </c>
      <c r="Q31" s="2">
        <v>0</v>
      </c>
      <c r="R31" s="2">
        <v>0</v>
      </c>
      <c r="S31" s="3">
        <v>218</v>
      </c>
      <c r="T31" s="18">
        <v>987</v>
      </c>
      <c r="U31" s="18">
        <v>225</v>
      </c>
      <c r="V31" s="18">
        <v>225</v>
      </c>
    </row>
    <row r="32" spans="1:22" x14ac:dyDescent="0.25">
      <c r="A32" s="22">
        <v>1</v>
      </c>
      <c r="B32" s="23" t="s">
        <v>27</v>
      </c>
      <c r="C32" s="24">
        <v>3674</v>
      </c>
      <c r="D32" s="24">
        <v>4144</v>
      </c>
      <c r="E32" s="24">
        <v>4491</v>
      </c>
      <c r="F32" s="24">
        <v>4295</v>
      </c>
      <c r="G32" s="25">
        <v>-4.8235212224084945E-2</v>
      </c>
      <c r="H32" s="24">
        <v>2499</v>
      </c>
      <c r="I32" s="24">
        <v>2385</v>
      </c>
      <c r="J32" s="24">
        <v>2487</v>
      </c>
      <c r="K32" s="24">
        <v>2905</v>
      </c>
      <c r="L32" s="25">
        <v>-4.6630498267887122E-2</v>
      </c>
      <c r="M32" s="25">
        <v>0.40949885908284678</v>
      </c>
      <c r="N32" s="25">
        <v>0.41006672934594285</v>
      </c>
      <c r="O32" s="25">
        <v>0.42852498699984887</v>
      </c>
      <c r="P32" s="35">
        <v>9.3150383790044436E-3</v>
      </c>
      <c r="Q32" s="25">
        <v>0.1842303694686569</v>
      </c>
      <c r="R32" s="25">
        <v>2.1373502498638389E-4</v>
      </c>
      <c r="S32" s="26">
        <v>8303</v>
      </c>
      <c r="T32" s="27">
        <v>4231</v>
      </c>
      <c r="U32" s="27">
        <v>1733</v>
      </c>
      <c r="V32" s="27">
        <v>1737</v>
      </c>
    </row>
    <row r="33" spans="1:22" x14ac:dyDescent="0.25">
      <c r="A33" s="17">
        <v>1</v>
      </c>
      <c r="B33" s="16" t="s">
        <v>28</v>
      </c>
      <c r="C33" s="1">
        <v>1853</v>
      </c>
      <c r="D33" s="1">
        <v>2028</v>
      </c>
      <c r="E33" s="1">
        <v>2684</v>
      </c>
      <c r="F33" s="1">
        <v>2774</v>
      </c>
      <c r="G33" s="2">
        <v>-0.11068290995604931</v>
      </c>
      <c r="H33" s="1">
        <v>1904</v>
      </c>
      <c r="I33" s="1">
        <v>2057</v>
      </c>
      <c r="J33" s="1">
        <v>2524</v>
      </c>
      <c r="K33" s="1">
        <v>2362</v>
      </c>
      <c r="L33" s="2">
        <v>-6.4652964914397565E-2</v>
      </c>
      <c r="M33" s="2">
        <v>-2.9025120043931429E-2</v>
      </c>
      <c r="N33" s="2">
        <v>6.7411976720776187E-2</v>
      </c>
      <c r="O33" s="2">
        <v>3.6730303094221151E-2</v>
      </c>
      <c r="P33" s="34" t="s">
        <v>310</v>
      </c>
      <c r="Q33" s="2">
        <v>0.13177773274130847</v>
      </c>
      <c r="R33" s="2">
        <v>6.840726599610495E-3</v>
      </c>
      <c r="S33" s="3">
        <v>1085</v>
      </c>
      <c r="T33" s="18">
        <v>1850</v>
      </c>
      <c r="U33" s="18">
        <v>-54</v>
      </c>
      <c r="V33" s="18">
        <v>138</v>
      </c>
    </row>
    <row r="34" spans="1:22" x14ac:dyDescent="0.25">
      <c r="A34" s="22">
        <v>1</v>
      </c>
      <c r="B34" s="23" t="s">
        <v>29</v>
      </c>
      <c r="C34" s="24">
        <v>4069</v>
      </c>
      <c r="D34" s="24">
        <v>3797</v>
      </c>
      <c r="E34" s="24">
        <v>4011</v>
      </c>
      <c r="F34" s="24">
        <v>3682</v>
      </c>
      <c r="G34" s="25">
        <v>3.506228784848258E-2</v>
      </c>
      <c r="H34" s="24">
        <v>3514</v>
      </c>
      <c r="I34" s="24">
        <v>3354</v>
      </c>
      <c r="J34" s="24">
        <v>3349</v>
      </c>
      <c r="K34" s="24">
        <v>3220</v>
      </c>
      <c r="L34" s="25">
        <v>3.0503278945643888E-2</v>
      </c>
      <c r="M34" s="25">
        <v>0.13629072352790972</v>
      </c>
      <c r="N34" s="25">
        <v>0.13629072352790972</v>
      </c>
      <c r="O34" s="25">
        <v>0.13977143773197095</v>
      </c>
      <c r="P34" s="35">
        <v>5.4480236830388613E-3</v>
      </c>
      <c r="Q34" s="25">
        <v>0.39405576064214415</v>
      </c>
      <c r="R34" s="25">
        <v>0.10197198070429284</v>
      </c>
      <c r="S34" s="26">
        <v>2717</v>
      </c>
      <c r="T34" s="27">
        <v>4069</v>
      </c>
      <c r="U34" s="27">
        <v>555</v>
      </c>
      <c r="V34" s="27">
        <v>555</v>
      </c>
    </row>
    <row r="35" spans="1:22" x14ac:dyDescent="0.25">
      <c r="A35" s="17">
        <v>1</v>
      </c>
      <c r="B35" s="16" t="s">
        <v>30</v>
      </c>
      <c r="C35" s="1">
        <v>3949</v>
      </c>
      <c r="D35" s="1">
        <v>4470</v>
      </c>
      <c r="E35" s="1">
        <v>4387</v>
      </c>
      <c r="F35" s="1">
        <v>4284</v>
      </c>
      <c r="G35" s="2">
        <v>-2.6115778431277811E-2</v>
      </c>
      <c r="H35" s="1">
        <v>3307</v>
      </c>
      <c r="I35" s="1">
        <v>3489</v>
      </c>
      <c r="J35" s="1">
        <v>3399</v>
      </c>
      <c r="K35" s="1">
        <v>3327</v>
      </c>
      <c r="L35" s="2">
        <v>-1.9984427276573953E-3</v>
      </c>
      <c r="M35" s="2">
        <v>0.16253961195040595</v>
      </c>
      <c r="N35" s="2">
        <v>0.20852969630417165</v>
      </c>
      <c r="O35" s="2">
        <v>0.21789225731089623</v>
      </c>
      <c r="P35" s="34">
        <v>0</v>
      </c>
      <c r="Q35" s="2">
        <v>0.32713791834562922</v>
      </c>
      <c r="R35" s="2">
        <v>0.14599509347445272</v>
      </c>
      <c r="S35" s="3">
        <v>8538</v>
      </c>
      <c r="T35" s="18">
        <v>3949</v>
      </c>
      <c r="U35" s="18">
        <v>642</v>
      </c>
      <c r="V35" s="18">
        <v>871</v>
      </c>
    </row>
    <row r="36" spans="1:22" x14ac:dyDescent="0.25">
      <c r="A36" s="22">
        <v>1</v>
      </c>
      <c r="B36" s="23" t="s">
        <v>31</v>
      </c>
      <c r="C36" s="24">
        <v>5283</v>
      </c>
      <c r="D36" s="24">
        <v>5575</v>
      </c>
      <c r="E36" s="24">
        <v>5018</v>
      </c>
      <c r="F36" s="24">
        <v>4689</v>
      </c>
      <c r="G36" s="25">
        <v>4.2212891958345232E-2</v>
      </c>
      <c r="H36" s="24">
        <v>3558</v>
      </c>
      <c r="I36" s="24">
        <v>4874</v>
      </c>
      <c r="J36" s="24">
        <v>4562</v>
      </c>
      <c r="K36" s="24">
        <v>3923</v>
      </c>
      <c r="L36" s="25">
        <v>-3.1044172366672205E-2</v>
      </c>
      <c r="M36" s="25">
        <v>0.32650000000000001</v>
      </c>
      <c r="N36" s="25">
        <v>0.32650000000000001</v>
      </c>
      <c r="O36" s="25">
        <v>0.18149999999999999</v>
      </c>
      <c r="P36" s="35">
        <v>2.2803652524875134E-3</v>
      </c>
      <c r="Q36" s="25">
        <v>0.51117222874127544</v>
      </c>
      <c r="R36" s="25">
        <v>2.9999848169925066E-2</v>
      </c>
      <c r="S36" s="26">
        <v>3261</v>
      </c>
      <c r="T36" s="27">
        <v>5283</v>
      </c>
      <c r="U36" s="27">
        <v>1725</v>
      </c>
      <c r="V36" s="27">
        <v>1725</v>
      </c>
    </row>
    <row r="37" spans="1:22" x14ac:dyDescent="0.25">
      <c r="A37" s="17">
        <v>1</v>
      </c>
      <c r="B37" s="16" t="s">
        <v>32</v>
      </c>
      <c r="C37" s="1">
        <v>3504</v>
      </c>
      <c r="D37" s="1">
        <v>3729</v>
      </c>
      <c r="E37" s="1">
        <v>3377</v>
      </c>
      <c r="F37" s="1">
        <v>3297</v>
      </c>
      <c r="G37" s="2">
        <v>2.0988840679589348E-2</v>
      </c>
      <c r="H37" s="1">
        <v>2941</v>
      </c>
      <c r="I37" s="1">
        <v>3092</v>
      </c>
      <c r="J37" s="1">
        <v>2973</v>
      </c>
      <c r="K37" s="1">
        <v>2756</v>
      </c>
      <c r="L37" s="2">
        <v>2.2394621265940481E-2</v>
      </c>
      <c r="M37" s="2">
        <v>0.16066283901013606</v>
      </c>
      <c r="N37" s="2">
        <v>0.17860713412025436</v>
      </c>
      <c r="O37" s="2">
        <v>0.15722348377524703</v>
      </c>
      <c r="P37" s="34">
        <v>5.3436991439012298E-3</v>
      </c>
      <c r="Q37" s="2">
        <v>0.48589434603423365</v>
      </c>
      <c r="R37" s="2">
        <v>9.3174270401640877E-2</v>
      </c>
      <c r="S37" s="3">
        <v>3853</v>
      </c>
      <c r="T37" s="18">
        <v>3504</v>
      </c>
      <c r="U37" s="18">
        <v>563</v>
      </c>
      <c r="V37" s="18">
        <v>640</v>
      </c>
    </row>
    <row r="38" spans="1:22" x14ac:dyDescent="0.25">
      <c r="A38" s="22">
        <v>1</v>
      </c>
      <c r="B38" s="23" t="s">
        <v>33</v>
      </c>
      <c r="C38" s="24">
        <v>3978</v>
      </c>
      <c r="D38" s="24">
        <v>4718</v>
      </c>
      <c r="E38" s="24">
        <v>4880</v>
      </c>
      <c r="F38" s="24">
        <v>4657</v>
      </c>
      <c r="G38" s="25">
        <v>-4.861104102980654E-2</v>
      </c>
      <c r="H38" s="24">
        <v>2278</v>
      </c>
      <c r="I38" s="24">
        <v>2711</v>
      </c>
      <c r="J38" s="24">
        <v>2824</v>
      </c>
      <c r="K38" s="24">
        <v>2945</v>
      </c>
      <c r="L38" s="25">
        <v>-7.553597335395984E-2</v>
      </c>
      <c r="M38" s="25">
        <v>0.44096535762189998</v>
      </c>
      <c r="N38" s="25">
        <v>0.44108456635651527</v>
      </c>
      <c r="O38" s="25">
        <v>0.4288005840812561</v>
      </c>
      <c r="P38" s="35">
        <v>7.8383636741332224E-3</v>
      </c>
      <c r="Q38" s="25">
        <v>0.30308498877102696</v>
      </c>
      <c r="R38" s="25">
        <v>4.6544306807618306E-2</v>
      </c>
      <c r="S38" s="26">
        <v>5465</v>
      </c>
      <c r="T38" s="27">
        <v>4074</v>
      </c>
      <c r="U38" s="27">
        <v>1797</v>
      </c>
      <c r="V38" s="27">
        <v>1798</v>
      </c>
    </row>
    <row r="39" spans="1:22" x14ac:dyDescent="0.25">
      <c r="A39" s="17">
        <v>1</v>
      </c>
      <c r="B39" s="16" t="s">
        <v>34</v>
      </c>
      <c r="C39" s="1">
        <v>175</v>
      </c>
      <c r="D39" s="1">
        <v>239</v>
      </c>
      <c r="E39" s="1">
        <v>180</v>
      </c>
      <c r="F39" s="1">
        <v>355</v>
      </c>
      <c r="G39" s="2">
        <v>-0.16918581529878637</v>
      </c>
      <c r="H39" s="1">
        <v>193</v>
      </c>
      <c r="I39" s="1">
        <v>253</v>
      </c>
      <c r="J39" s="1">
        <v>183</v>
      </c>
      <c r="K39" s="1">
        <v>313</v>
      </c>
      <c r="L39" s="2">
        <v>-0.12755920098631046</v>
      </c>
      <c r="M39" s="2">
        <v>-0.10698412334761392</v>
      </c>
      <c r="N39" s="2">
        <v>-0.10698412334761392</v>
      </c>
      <c r="O39" s="2">
        <v>-6.0461152088558449E-2</v>
      </c>
      <c r="P39" s="34">
        <v>0</v>
      </c>
      <c r="Q39" s="2">
        <v>0.39456803134092416</v>
      </c>
      <c r="R39" s="2">
        <v>0</v>
      </c>
      <c r="S39" s="3">
        <v>208</v>
      </c>
      <c r="T39" s="18">
        <v>175</v>
      </c>
      <c r="U39" s="18">
        <v>-19</v>
      </c>
      <c r="V39" s="18">
        <v>-19</v>
      </c>
    </row>
    <row r="40" spans="1:22" x14ac:dyDescent="0.25">
      <c r="A40" s="22">
        <v>1</v>
      </c>
      <c r="B40" s="23" t="s">
        <v>35</v>
      </c>
      <c r="C40" s="24">
        <v>6988</v>
      </c>
      <c r="D40" s="24">
        <v>7101</v>
      </c>
      <c r="E40" s="24">
        <v>6880</v>
      </c>
      <c r="F40" s="24">
        <v>6282</v>
      </c>
      <c r="G40" s="25">
        <v>3.7494950884282438E-2</v>
      </c>
      <c r="H40" s="24">
        <v>5817</v>
      </c>
      <c r="I40" s="24">
        <v>6135</v>
      </c>
      <c r="J40" s="24">
        <v>6000</v>
      </c>
      <c r="K40" s="24">
        <v>5571</v>
      </c>
      <c r="L40" s="25">
        <v>1.4688014604014718E-2</v>
      </c>
      <c r="M40" s="25">
        <v>0.23273732314314982</v>
      </c>
      <c r="N40" s="25">
        <v>0.23268600973471909</v>
      </c>
      <c r="O40" s="25">
        <v>0.17377725518995632</v>
      </c>
      <c r="P40" s="35">
        <v>1.051649398886397E-3</v>
      </c>
      <c r="Q40" s="25">
        <v>0.33639897368738925</v>
      </c>
      <c r="R40" s="25">
        <v>5.8329599058466332E-2</v>
      </c>
      <c r="S40" s="26">
        <v>6148</v>
      </c>
      <c r="T40" s="27">
        <v>7581</v>
      </c>
      <c r="U40" s="27">
        <v>1764</v>
      </c>
      <c r="V40" s="27">
        <v>1764</v>
      </c>
    </row>
    <row r="41" spans="1:22" x14ac:dyDescent="0.25">
      <c r="A41" s="17">
        <v>1</v>
      </c>
      <c r="B41" s="16" t="s">
        <v>36</v>
      </c>
      <c r="C41" s="1">
        <v>16451</v>
      </c>
      <c r="D41" s="1">
        <v>16856</v>
      </c>
      <c r="E41" s="1">
        <v>17208</v>
      </c>
      <c r="F41" s="1">
        <v>17245</v>
      </c>
      <c r="G41" s="2">
        <v>-1.5351517842794635E-2</v>
      </c>
      <c r="H41" s="1">
        <v>11843</v>
      </c>
      <c r="I41" s="1">
        <v>11438</v>
      </c>
      <c r="J41" s="1">
        <v>11246</v>
      </c>
      <c r="K41" s="1">
        <v>11063</v>
      </c>
      <c r="L41" s="2">
        <v>2.3477657286365968E-2</v>
      </c>
      <c r="M41" s="2">
        <v>0.28013367579377146</v>
      </c>
      <c r="N41" s="2">
        <v>0.28013367579377146</v>
      </c>
      <c r="O41" s="2">
        <v>0.31626552185639328</v>
      </c>
      <c r="P41" s="34">
        <v>8.0316148089070588E-3</v>
      </c>
      <c r="Q41" s="2">
        <v>2.7274697293106344E-4</v>
      </c>
      <c r="R41" s="2">
        <v>0.21031229133291329</v>
      </c>
      <c r="S41" s="3">
        <v>6999</v>
      </c>
      <c r="T41" s="18">
        <v>16451</v>
      </c>
      <c r="U41" s="18">
        <v>4609</v>
      </c>
      <c r="V41" s="18">
        <v>4609</v>
      </c>
    </row>
    <row r="42" spans="1:22" x14ac:dyDescent="0.25">
      <c r="A42" s="22">
        <v>1</v>
      </c>
      <c r="B42" s="23" t="s">
        <v>37</v>
      </c>
      <c r="C42" s="24">
        <v>2368</v>
      </c>
      <c r="D42" s="24">
        <v>2603</v>
      </c>
      <c r="E42" s="24">
        <v>2716</v>
      </c>
      <c r="F42" s="24">
        <v>2422</v>
      </c>
      <c r="G42" s="25">
        <v>-7.357538028536577E-3</v>
      </c>
      <c r="H42" s="24">
        <v>2173</v>
      </c>
      <c r="I42" s="24">
        <v>2323</v>
      </c>
      <c r="J42" s="24">
        <v>2211</v>
      </c>
      <c r="K42" s="24">
        <v>2093</v>
      </c>
      <c r="L42" s="25">
        <v>1.2622575950112902E-2</v>
      </c>
      <c r="M42" s="25">
        <v>8.2656189301940644E-2</v>
      </c>
      <c r="N42" s="25">
        <v>8.2656189301940644E-2</v>
      </c>
      <c r="O42" s="25">
        <v>0.12762245971928149</v>
      </c>
      <c r="P42" s="35">
        <v>6.3930347199951734E-3</v>
      </c>
      <c r="Q42" s="25">
        <v>0.44354214873241338</v>
      </c>
      <c r="R42" s="25">
        <v>2.5038846757984699E-2</v>
      </c>
      <c r="S42" s="26">
        <v>1714</v>
      </c>
      <c r="T42" s="27">
        <v>2368</v>
      </c>
      <c r="U42" s="27">
        <v>196</v>
      </c>
      <c r="V42" s="27">
        <v>196</v>
      </c>
    </row>
    <row r="43" spans="1:22" x14ac:dyDescent="0.25">
      <c r="A43" s="17">
        <v>1</v>
      </c>
      <c r="B43" s="16" t="s">
        <v>38</v>
      </c>
      <c r="C43" s="1">
        <v>372</v>
      </c>
      <c r="D43" s="1">
        <v>38</v>
      </c>
      <c r="E43" s="1">
        <v>219</v>
      </c>
      <c r="F43" s="1">
        <v>213</v>
      </c>
      <c r="G43" s="2">
        <v>0.24790995326613288</v>
      </c>
      <c r="H43" s="1">
        <v>346</v>
      </c>
      <c r="I43" s="1">
        <v>100</v>
      </c>
      <c r="J43" s="1">
        <v>127</v>
      </c>
      <c r="K43" s="1">
        <v>165</v>
      </c>
      <c r="L43" s="2">
        <v>0.36580313603285175</v>
      </c>
      <c r="M43" s="2">
        <v>6.9395912855648001E-2</v>
      </c>
      <c r="N43" s="2">
        <v>6.9395912855648001E-2</v>
      </c>
      <c r="O43" s="2">
        <v>0.47898177039967166</v>
      </c>
      <c r="P43" s="34">
        <v>0</v>
      </c>
      <c r="Q43" s="2">
        <v>0</v>
      </c>
      <c r="R43" s="2">
        <v>0</v>
      </c>
      <c r="S43" s="3">
        <v>197</v>
      </c>
      <c r="T43" s="18">
        <v>372</v>
      </c>
      <c r="U43" s="18">
        <v>26</v>
      </c>
      <c r="V43" s="18">
        <v>26</v>
      </c>
    </row>
    <row r="44" spans="1:22" x14ac:dyDescent="0.25">
      <c r="A44" s="22">
        <v>1</v>
      </c>
      <c r="B44" s="23" t="s">
        <v>39</v>
      </c>
      <c r="C44" s="24">
        <v>9767</v>
      </c>
      <c r="D44" s="24">
        <v>10471</v>
      </c>
      <c r="E44" s="24">
        <v>9567</v>
      </c>
      <c r="F44" s="24">
        <v>8986</v>
      </c>
      <c r="G44" s="25">
        <v>2.8948921385852786E-2</v>
      </c>
      <c r="H44" s="24">
        <v>8634</v>
      </c>
      <c r="I44" s="24">
        <v>8884</v>
      </c>
      <c r="J44" s="24">
        <v>8369</v>
      </c>
      <c r="K44" s="24">
        <v>7910</v>
      </c>
      <c r="L44" s="25">
        <v>3.0502119693465547E-2</v>
      </c>
      <c r="M44" s="25">
        <v>0.11600006593705203</v>
      </c>
      <c r="N44" s="25">
        <v>0.11600006593705203</v>
      </c>
      <c r="O44" s="25">
        <v>0.13145857353387805</v>
      </c>
      <c r="P44" s="35">
        <v>6.393016719880797E-3</v>
      </c>
      <c r="Q44" s="25">
        <v>0.14296826468989454</v>
      </c>
      <c r="R44" s="25">
        <v>1.5681050237497503E-2</v>
      </c>
      <c r="S44" s="26">
        <v>2693</v>
      </c>
      <c r="T44" s="27">
        <v>9767</v>
      </c>
      <c r="U44" s="27">
        <v>1133</v>
      </c>
      <c r="V44" s="27">
        <v>1133</v>
      </c>
    </row>
    <row r="45" spans="1:22" x14ac:dyDescent="0.25">
      <c r="A45" s="17">
        <v>1</v>
      </c>
      <c r="B45" s="16" t="s">
        <v>40</v>
      </c>
      <c r="C45" s="1">
        <v>8400</v>
      </c>
      <c r="D45" s="1">
        <v>8439</v>
      </c>
      <c r="E45" s="1">
        <v>9314</v>
      </c>
      <c r="F45" s="1">
        <v>8203</v>
      </c>
      <c r="G45" s="2">
        <v>8.0009024304384321E-3</v>
      </c>
      <c r="H45" s="1">
        <v>9540</v>
      </c>
      <c r="I45" s="1">
        <v>9243</v>
      </c>
      <c r="J45" s="1">
        <v>9681</v>
      </c>
      <c r="K45" s="1">
        <v>8779</v>
      </c>
      <c r="L45" s="2">
        <v>2.88787157725196E-2</v>
      </c>
      <c r="M45" s="2">
        <v>-0.13569068687255414</v>
      </c>
      <c r="N45" s="2">
        <v>-0.13569068687255414</v>
      </c>
      <c r="O45" s="2">
        <v>-8.8312740608131712E-2</v>
      </c>
      <c r="P45" s="34">
        <v>8.1005754405392739E-3</v>
      </c>
      <c r="Q45" s="2">
        <v>0.29742890714565479</v>
      </c>
      <c r="R45" s="2">
        <v>2.4503537529479414E-2</v>
      </c>
      <c r="S45" s="3">
        <v>3992</v>
      </c>
      <c r="T45" s="18">
        <v>8400</v>
      </c>
      <c r="U45" s="18">
        <v>-1140</v>
      </c>
      <c r="V45" s="18">
        <v>-1140</v>
      </c>
    </row>
    <row r="46" spans="1:22" x14ac:dyDescent="0.25">
      <c r="A46" s="22">
        <v>1</v>
      </c>
      <c r="B46" s="23" t="s">
        <v>41</v>
      </c>
      <c r="C46" s="24">
        <v>5597</v>
      </c>
      <c r="D46" s="24">
        <v>6628</v>
      </c>
      <c r="E46" s="24">
        <v>6788</v>
      </c>
      <c r="F46" s="24">
        <v>6537</v>
      </c>
      <c r="G46" s="25">
        <v>-4.7912908539525505E-2</v>
      </c>
      <c r="H46" s="24">
        <v>5491</v>
      </c>
      <c r="I46" s="24">
        <v>5627</v>
      </c>
      <c r="J46" s="24">
        <v>5490</v>
      </c>
      <c r="K46" s="24">
        <v>5174</v>
      </c>
      <c r="L46" s="25">
        <v>2.0459367420295502E-2</v>
      </c>
      <c r="M46" s="25">
        <v>1.9011408881863836E-2</v>
      </c>
      <c r="N46" s="25">
        <v>0.18466811886486229</v>
      </c>
      <c r="O46" s="25">
        <v>0.17608321342882832</v>
      </c>
      <c r="P46" s="35">
        <v>4.3301708179754681E-3</v>
      </c>
      <c r="Q46" s="25">
        <v>0.33496833848697916</v>
      </c>
      <c r="R46" s="25">
        <v>3.3985298710171204E-2</v>
      </c>
      <c r="S46" s="26">
        <v>6588</v>
      </c>
      <c r="T46" s="27">
        <v>5598</v>
      </c>
      <c r="U46" s="27">
        <v>106</v>
      </c>
      <c r="V46" s="27">
        <v>1244</v>
      </c>
    </row>
    <row r="47" spans="1:22" x14ac:dyDescent="0.25">
      <c r="A47" s="17">
        <v>1</v>
      </c>
      <c r="B47" s="16" t="s">
        <v>42</v>
      </c>
      <c r="C47" s="1">
        <v>10942</v>
      </c>
      <c r="D47" s="1">
        <v>11464</v>
      </c>
      <c r="E47" s="1">
        <v>11005</v>
      </c>
      <c r="F47" s="1">
        <v>11090</v>
      </c>
      <c r="G47" s="2">
        <v>-4.4000000000000003E-3</v>
      </c>
      <c r="H47" s="1">
        <v>7619</v>
      </c>
      <c r="I47" s="1">
        <v>7853</v>
      </c>
      <c r="J47" s="1">
        <v>8277</v>
      </c>
      <c r="K47" s="1">
        <v>7732</v>
      </c>
      <c r="L47" s="2">
        <v>-4.8999999999999998E-3</v>
      </c>
      <c r="M47" s="2">
        <v>0.3553</v>
      </c>
      <c r="N47" s="2">
        <v>0.3553</v>
      </c>
      <c r="O47" s="2">
        <v>0.30570000000000003</v>
      </c>
      <c r="P47" s="34">
        <v>0</v>
      </c>
      <c r="Q47" s="2">
        <v>0.22819999999999999</v>
      </c>
      <c r="R47" s="2">
        <v>2.3699999999999999E-2</v>
      </c>
      <c r="S47" s="3">
        <v>6125</v>
      </c>
      <c r="T47" s="18">
        <v>11818</v>
      </c>
      <c r="U47" s="18">
        <v>4199</v>
      </c>
      <c r="V47" s="18">
        <v>4199</v>
      </c>
    </row>
    <row r="48" spans="1:22" x14ac:dyDescent="0.25">
      <c r="A48" s="22">
        <v>1</v>
      </c>
      <c r="B48" s="23" t="s">
        <v>43</v>
      </c>
      <c r="C48" s="24">
        <v>13472</v>
      </c>
      <c r="D48" s="24">
        <v>14448</v>
      </c>
      <c r="E48" s="24">
        <v>13545</v>
      </c>
      <c r="F48" s="24">
        <v>12289</v>
      </c>
      <c r="G48" s="25">
        <v>3.2092297733532282E-2</v>
      </c>
      <c r="H48" s="24">
        <v>9981</v>
      </c>
      <c r="I48" s="24">
        <v>9724</v>
      </c>
      <c r="J48" s="24">
        <v>9203</v>
      </c>
      <c r="K48" s="24">
        <v>8330</v>
      </c>
      <c r="L48" s="25">
        <v>6.6074403576004817E-2</v>
      </c>
      <c r="M48" s="25">
        <v>0.25956177695861504</v>
      </c>
      <c r="N48" s="25">
        <v>0.25956177695861504</v>
      </c>
      <c r="O48" s="25">
        <v>0.30322259233185872</v>
      </c>
      <c r="P48" s="35">
        <v>2.4672469653728234E-2</v>
      </c>
      <c r="Q48" s="25">
        <v>0.22401591422978973</v>
      </c>
      <c r="R48" s="25">
        <v>1.5638318411825308E-2</v>
      </c>
      <c r="S48" s="26">
        <v>9614</v>
      </c>
      <c r="T48" s="27">
        <v>13479</v>
      </c>
      <c r="U48" s="27">
        <v>3499</v>
      </c>
      <c r="V48" s="27">
        <v>3499</v>
      </c>
    </row>
    <row r="49" spans="1:22" x14ac:dyDescent="0.25">
      <c r="A49" s="17">
        <v>1</v>
      </c>
      <c r="B49" s="16" t="s">
        <v>44</v>
      </c>
      <c r="C49" s="1">
        <v>1637</v>
      </c>
      <c r="D49" s="1">
        <v>1868</v>
      </c>
      <c r="E49" s="1">
        <v>1991</v>
      </c>
      <c r="F49" s="1">
        <v>2136</v>
      </c>
      <c r="G49" s="2">
        <v>-7.7926757015399167E-2</v>
      </c>
      <c r="H49" s="1">
        <v>1578</v>
      </c>
      <c r="I49" s="1">
        <v>1860</v>
      </c>
      <c r="J49" s="1">
        <v>1991</v>
      </c>
      <c r="K49" s="1">
        <v>2136</v>
      </c>
      <c r="L49" s="2">
        <v>-8.7066136877577402E-2</v>
      </c>
      <c r="M49" s="2">
        <v>3.5803962537343526E-2</v>
      </c>
      <c r="N49" s="2">
        <v>3.5803962537343526E-2</v>
      </c>
      <c r="O49" s="2">
        <v>1.2187017264455983E-2</v>
      </c>
      <c r="P49" s="34">
        <v>0</v>
      </c>
      <c r="Q49" s="2">
        <v>1.1046351789739924E-2</v>
      </c>
      <c r="R49" s="2">
        <v>0</v>
      </c>
      <c r="S49" s="3">
        <v>5228</v>
      </c>
      <c r="T49" s="18">
        <v>1637</v>
      </c>
      <c r="U49" s="18">
        <v>59</v>
      </c>
      <c r="V49" s="18">
        <v>59</v>
      </c>
    </row>
    <row r="50" spans="1:22" x14ac:dyDescent="0.25">
      <c r="A50" s="22">
        <v>1</v>
      </c>
      <c r="B50" s="23" t="s">
        <v>45</v>
      </c>
      <c r="C50" s="24">
        <v>1881</v>
      </c>
      <c r="D50" s="24">
        <v>2142</v>
      </c>
      <c r="E50" s="24">
        <v>2154</v>
      </c>
      <c r="F50" s="24">
        <v>2231</v>
      </c>
      <c r="G50" s="25">
        <v>-5.2225187485413986E-2</v>
      </c>
      <c r="H50" s="24">
        <v>1666</v>
      </c>
      <c r="I50" s="24">
        <v>2140</v>
      </c>
      <c r="J50" s="24">
        <v>2154</v>
      </c>
      <c r="K50" s="24">
        <v>2230</v>
      </c>
      <c r="L50" s="25">
        <v>-8.4346551247052967E-2</v>
      </c>
      <c r="M50" s="25">
        <v>0.11475961374923464</v>
      </c>
      <c r="N50" s="25">
        <v>0.11475961374923464</v>
      </c>
      <c r="O50" s="25">
        <v>3.5259098658742848E-2</v>
      </c>
      <c r="P50" s="35" t="s">
        <v>310</v>
      </c>
      <c r="Q50" s="25">
        <v>2.1804735866385469E-2</v>
      </c>
      <c r="R50" s="25">
        <v>0</v>
      </c>
      <c r="S50" s="26">
        <v>5357</v>
      </c>
      <c r="T50" s="27">
        <v>1881</v>
      </c>
      <c r="U50" s="27">
        <v>216</v>
      </c>
      <c r="V50" s="27">
        <v>216</v>
      </c>
    </row>
    <row r="51" spans="1:22" x14ac:dyDescent="0.25">
      <c r="A51" s="8">
        <v>2</v>
      </c>
      <c r="B51" s="9" t="s">
        <v>302</v>
      </c>
      <c r="C51" s="20">
        <v>5021</v>
      </c>
      <c r="D51" s="20">
        <v>4554</v>
      </c>
      <c r="E51" s="20">
        <v>4518</v>
      </c>
      <c r="F51" s="20">
        <v>4728</v>
      </c>
      <c r="G51" s="10">
        <v>2.07E-2</v>
      </c>
      <c r="H51" s="20">
        <v>4076</v>
      </c>
      <c r="I51" s="20">
        <v>3774</v>
      </c>
      <c r="J51" s="20">
        <v>3748</v>
      </c>
      <c r="K51" s="20">
        <v>3850</v>
      </c>
      <c r="L51" s="10">
        <v>1.9599999999999999E-2</v>
      </c>
      <c r="M51" s="10">
        <v>0.1933</v>
      </c>
      <c r="N51" s="10">
        <v>0.1933</v>
      </c>
      <c r="O51" s="10">
        <v>0.17780000000000001</v>
      </c>
      <c r="P51" s="33">
        <v>1.03E-2</v>
      </c>
      <c r="Q51" s="10">
        <v>0.34799999999999998</v>
      </c>
      <c r="R51" s="10">
        <v>5.5599999999999997E-2</v>
      </c>
      <c r="S51" s="21">
        <v>3583</v>
      </c>
      <c r="T51" s="20">
        <v>4076</v>
      </c>
      <c r="U51" s="20">
        <v>976</v>
      </c>
      <c r="V51" s="20">
        <v>977</v>
      </c>
    </row>
    <row r="52" spans="1:22" x14ac:dyDescent="0.25">
      <c r="A52" s="17">
        <v>2</v>
      </c>
      <c r="B52" s="16" t="s">
        <v>46</v>
      </c>
      <c r="C52" s="1">
        <v>1146</v>
      </c>
      <c r="D52" s="1">
        <v>1876</v>
      </c>
      <c r="E52" s="1">
        <v>1488</v>
      </c>
      <c r="F52" s="1">
        <v>1747</v>
      </c>
      <c r="G52" s="2">
        <v>-0.11460899743244522</v>
      </c>
      <c r="H52" s="1">
        <v>927</v>
      </c>
      <c r="I52" s="1">
        <v>1446</v>
      </c>
      <c r="J52" s="1">
        <v>1384</v>
      </c>
      <c r="K52" s="1">
        <v>1274</v>
      </c>
      <c r="L52" s="2">
        <v>-9.0660720431416111E-2</v>
      </c>
      <c r="M52" s="2">
        <v>0.19110222832501808</v>
      </c>
      <c r="N52" s="2">
        <v>0.19110222832501808</v>
      </c>
      <c r="O52" s="2">
        <v>0.16750579739208762</v>
      </c>
      <c r="P52" s="34">
        <v>8.7605815201008202E-4</v>
      </c>
      <c r="Q52" s="2">
        <v>0.29959837586286042</v>
      </c>
      <c r="R52" s="2">
        <v>9.0356911252792674E-2</v>
      </c>
      <c r="S52" s="19">
        <v>1450</v>
      </c>
      <c r="T52" s="18">
        <v>1146</v>
      </c>
      <c r="U52" s="18">
        <v>219</v>
      </c>
      <c r="V52" s="18">
        <v>219</v>
      </c>
    </row>
    <row r="53" spans="1:22" x14ac:dyDescent="0.25">
      <c r="A53" s="22">
        <v>2</v>
      </c>
      <c r="B53" s="23" t="s">
        <v>47</v>
      </c>
      <c r="C53" s="24">
        <v>47</v>
      </c>
      <c r="D53" s="24">
        <v>347</v>
      </c>
      <c r="E53" s="24">
        <v>367</v>
      </c>
      <c r="F53" s="24">
        <v>274</v>
      </c>
      <c r="G53" s="25">
        <v>-0.27662107479229764</v>
      </c>
      <c r="H53" s="24">
        <v>711</v>
      </c>
      <c r="I53" s="24">
        <v>2552</v>
      </c>
      <c r="J53" s="24">
        <v>2665</v>
      </c>
      <c r="K53" s="24">
        <v>2550</v>
      </c>
      <c r="L53" s="25">
        <v>-0.24032660068139636</v>
      </c>
      <c r="M53" s="25">
        <v>-13.481528221620632</v>
      </c>
      <c r="N53" s="25">
        <v>-13.481528221620632</v>
      </c>
      <c r="O53" s="25">
        <v>-6.1436782647989157</v>
      </c>
      <c r="P53" s="35">
        <v>0.22842596301704421</v>
      </c>
      <c r="Q53" s="25">
        <v>0</v>
      </c>
      <c r="R53" s="25">
        <v>0.40664895895810127</v>
      </c>
      <c r="S53" s="26">
        <v>57</v>
      </c>
      <c r="T53" s="27">
        <v>49</v>
      </c>
      <c r="U53" s="27">
        <v>-662</v>
      </c>
      <c r="V53" s="27">
        <v>-662</v>
      </c>
    </row>
    <row r="54" spans="1:22" x14ac:dyDescent="0.25">
      <c r="A54" s="17">
        <v>2</v>
      </c>
      <c r="B54" s="16" t="s">
        <v>48</v>
      </c>
      <c r="C54" s="1">
        <v>3014</v>
      </c>
      <c r="D54" s="1">
        <v>2799</v>
      </c>
      <c r="E54" s="1">
        <v>2981</v>
      </c>
      <c r="F54" s="1">
        <v>3148</v>
      </c>
      <c r="G54" s="2">
        <v>-1.4148143017839848E-2</v>
      </c>
      <c r="H54" s="1">
        <v>2333</v>
      </c>
      <c r="I54" s="1">
        <v>2333</v>
      </c>
      <c r="J54" s="1">
        <v>2444</v>
      </c>
      <c r="K54" s="1">
        <v>2527</v>
      </c>
      <c r="L54" s="2">
        <v>-2.5555579741548481E-2</v>
      </c>
      <c r="M54" s="2">
        <v>0.22594558725945588</v>
      </c>
      <c r="N54" s="2">
        <v>0.22645888594164457</v>
      </c>
      <c r="O54" s="2">
        <v>0.19190330257603591</v>
      </c>
      <c r="P54" s="34">
        <v>0</v>
      </c>
      <c r="Q54" s="2">
        <v>0.45041174364482633</v>
      </c>
      <c r="R54" s="2">
        <v>5.7286072323666313E-3</v>
      </c>
      <c r="S54" s="19">
        <v>3042</v>
      </c>
      <c r="T54" s="18">
        <v>3014</v>
      </c>
      <c r="U54" s="18">
        <v>681</v>
      </c>
      <c r="V54" s="18">
        <v>683</v>
      </c>
    </row>
    <row r="55" spans="1:22" x14ac:dyDescent="0.25">
      <c r="A55" s="22">
        <v>2</v>
      </c>
      <c r="B55" s="23" t="s">
        <v>49</v>
      </c>
      <c r="C55" s="24">
        <v>1228</v>
      </c>
      <c r="D55" s="24">
        <v>1104</v>
      </c>
      <c r="E55" s="24">
        <v>906</v>
      </c>
      <c r="F55" s="24">
        <v>1043</v>
      </c>
      <c r="G55" s="25">
        <v>5.9363428434774657E-2</v>
      </c>
      <c r="H55" s="24">
        <v>1134</v>
      </c>
      <c r="I55" s="24">
        <v>956</v>
      </c>
      <c r="J55" s="24">
        <v>723</v>
      </c>
      <c r="K55" s="24">
        <v>813</v>
      </c>
      <c r="L55" s="25">
        <v>0.13158785134694531</v>
      </c>
      <c r="M55" s="25">
        <v>7.7074194567380183E-2</v>
      </c>
      <c r="N55" s="25">
        <v>7.7074194567380183E-2</v>
      </c>
      <c r="O55" s="25">
        <v>0.13161804603135729</v>
      </c>
      <c r="P55" s="35">
        <v>0</v>
      </c>
      <c r="Q55" s="25">
        <v>0.77001735754923128</v>
      </c>
      <c r="R55" s="25">
        <v>2.6923740763536773E-3</v>
      </c>
      <c r="S55" s="26">
        <v>726</v>
      </c>
      <c r="T55" s="27">
        <v>1228</v>
      </c>
      <c r="U55" s="27">
        <v>95</v>
      </c>
      <c r="V55" s="27">
        <v>95</v>
      </c>
    </row>
    <row r="56" spans="1:22" x14ac:dyDescent="0.25">
      <c r="A56" s="17">
        <v>2</v>
      </c>
      <c r="B56" s="16" t="s">
        <v>50</v>
      </c>
      <c r="C56" s="1">
        <v>2464</v>
      </c>
      <c r="D56" s="1">
        <v>2974</v>
      </c>
      <c r="E56" s="1">
        <v>2379</v>
      </c>
      <c r="F56" s="1">
        <v>2472</v>
      </c>
      <c r="G56" s="2">
        <v>-1.1672129255517162E-3</v>
      </c>
      <c r="H56" s="1">
        <v>2425</v>
      </c>
      <c r="I56" s="1">
        <v>2315</v>
      </c>
      <c r="J56" s="1">
        <v>2149</v>
      </c>
      <c r="K56" s="1">
        <v>2225</v>
      </c>
      <c r="L56" s="2">
        <v>3.0035187968843274E-2</v>
      </c>
      <c r="M56" s="2">
        <v>1.5643278533081888E-2</v>
      </c>
      <c r="N56" s="2">
        <v>1.5643278533081888E-2</v>
      </c>
      <c r="O56" s="2">
        <v>0.11859974455719131</v>
      </c>
      <c r="P56" s="34">
        <v>6.6176873131795343E-4</v>
      </c>
      <c r="Q56" s="2">
        <v>0.26689448915292735</v>
      </c>
      <c r="R56" s="2">
        <v>2.6130716906138704E-2</v>
      </c>
      <c r="S56" s="19">
        <v>2521</v>
      </c>
      <c r="T56" s="18">
        <v>2464</v>
      </c>
      <c r="U56" s="18">
        <v>39</v>
      </c>
      <c r="V56" s="18">
        <v>39</v>
      </c>
    </row>
    <row r="57" spans="1:22" x14ac:dyDescent="0.25">
      <c r="A57" s="22">
        <v>2</v>
      </c>
      <c r="B57" s="23" t="s">
        <v>51</v>
      </c>
      <c r="C57" s="24">
        <v>17346</v>
      </c>
      <c r="D57" s="24">
        <v>18757</v>
      </c>
      <c r="E57" s="24">
        <v>16844</v>
      </c>
      <c r="F57" s="24">
        <v>17780</v>
      </c>
      <c r="G57" s="25">
        <v>-8.1374446301230724E-3</v>
      </c>
      <c r="H57" s="24">
        <v>11294</v>
      </c>
      <c r="I57" s="24">
        <v>11114</v>
      </c>
      <c r="J57" s="24">
        <v>11312</v>
      </c>
      <c r="K57" s="24">
        <v>11282</v>
      </c>
      <c r="L57" s="25">
        <v>3.3432677073754418E-4</v>
      </c>
      <c r="M57" s="25">
        <v>0.3490089436190813</v>
      </c>
      <c r="N57" s="25">
        <v>0.34902245213477945</v>
      </c>
      <c r="O57" s="25">
        <v>0.36346272647587924</v>
      </c>
      <c r="P57" s="35">
        <v>1.1261201614671497E-3</v>
      </c>
      <c r="Q57" s="25">
        <v>0.3501550262060904</v>
      </c>
      <c r="R57" s="25">
        <v>3.9174549517153372E-2</v>
      </c>
      <c r="S57" s="26">
        <v>6685</v>
      </c>
      <c r="T57" s="27">
        <v>17348</v>
      </c>
      <c r="U57" s="27">
        <v>6055</v>
      </c>
      <c r="V57" s="27">
        <v>6055</v>
      </c>
    </row>
    <row r="58" spans="1:22" x14ac:dyDescent="0.25">
      <c r="A58" s="17">
        <v>2</v>
      </c>
      <c r="B58" s="16" t="s">
        <v>52</v>
      </c>
      <c r="C58" s="1">
        <v>1343</v>
      </c>
      <c r="D58" s="1">
        <v>1271</v>
      </c>
      <c r="E58" s="1">
        <v>1326</v>
      </c>
      <c r="F58" s="1">
        <v>1467</v>
      </c>
      <c r="G58" s="2">
        <v>-2.8259204553535786E-2</v>
      </c>
      <c r="H58" s="1">
        <v>942</v>
      </c>
      <c r="I58" s="1">
        <v>1196</v>
      </c>
      <c r="J58" s="1">
        <v>1093</v>
      </c>
      <c r="K58" s="1">
        <v>1187</v>
      </c>
      <c r="L58" s="2">
        <v>-6.8787419495165564E-2</v>
      </c>
      <c r="M58" s="2">
        <v>0.35644225218362613</v>
      </c>
      <c r="N58" s="2">
        <v>0.35644225218362613</v>
      </c>
      <c r="O58" s="2">
        <v>0.20644205796953397</v>
      </c>
      <c r="P58" s="34">
        <v>1.5941472184268569E-3</v>
      </c>
      <c r="Q58" s="2">
        <v>0.47443549112194883</v>
      </c>
      <c r="R58" s="2">
        <v>2.5393469069698464E-2</v>
      </c>
      <c r="S58" s="19">
        <v>1866</v>
      </c>
      <c r="T58" s="18">
        <v>1464</v>
      </c>
      <c r="U58" s="18">
        <v>522</v>
      </c>
      <c r="V58" s="18">
        <v>522</v>
      </c>
    </row>
    <row r="59" spans="1:22" x14ac:dyDescent="0.25">
      <c r="A59" s="22">
        <v>2</v>
      </c>
      <c r="B59" s="23" t="s">
        <v>53</v>
      </c>
      <c r="C59" s="24">
        <v>12865</v>
      </c>
      <c r="D59" s="24">
        <v>13732</v>
      </c>
      <c r="E59" s="24">
        <v>14372</v>
      </c>
      <c r="F59" s="24">
        <v>14679</v>
      </c>
      <c r="G59" s="25">
        <v>-4.1189707438362408E-2</v>
      </c>
      <c r="H59" s="24">
        <v>11706</v>
      </c>
      <c r="I59" s="24">
        <v>12218</v>
      </c>
      <c r="J59" s="24">
        <v>12088</v>
      </c>
      <c r="K59" s="24">
        <v>12336</v>
      </c>
      <c r="L59" s="25">
        <v>-1.7010663482456716E-2</v>
      </c>
      <c r="M59" s="25">
        <v>9.0072538647455277E-2</v>
      </c>
      <c r="N59" s="25">
        <v>9.0072538647455277E-2</v>
      </c>
      <c r="O59" s="25">
        <v>0.12107277172493265</v>
      </c>
      <c r="P59" s="35">
        <v>3.3533137728308841E-2</v>
      </c>
      <c r="Q59" s="25">
        <v>0.21318466601406746</v>
      </c>
      <c r="R59" s="25">
        <v>9.8035406009227929E-2</v>
      </c>
      <c r="S59" s="26">
        <v>11408</v>
      </c>
      <c r="T59" s="27">
        <v>12865</v>
      </c>
      <c r="U59" s="27">
        <v>1159</v>
      </c>
      <c r="V59" s="27">
        <v>1159</v>
      </c>
    </row>
    <row r="60" spans="1:22" x14ac:dyDescent="0.25">
      <c r="A60" s="17">
        <v>2</v>
      </c>
      <c r="B60" s="16" t="s">
        <v>54</v>
      </c>
      <c r="C60" s="1">
        <v>5739</v>
      </c>
      <c r="D60" s="1">
        <v>6007</v>
      </c>
      <c r="E60" s="1">
        <v>8125</v>
      </c>
      <c r="F60" s="1">
        <v>8694</v>
      </c>
      <c r="G60" s="2">
        <v>-0.11327846762824094</v>
      </c>
      <c r="H60" s="1">
        <v>5210</v>
      </c>
      <c r="I60" s="1">
        <v>5662</v>
      </c>
      <c r="J60" s="1">
        <v>6683</v>
      </c>
      <c r="K60" s="1">
        <v>7293</v>
      </c>
      <c r="L60" s="2">
        <v>-9.5201418424350884E-2</v>
      </c>
      <c r="M60" s="2">
        <v>0.11568583818820982</v>
      </c>
      <c r="N60" s="2">
        <v>0.11588422590810073</v>
      </c>
      <c r="O60" s="2">
        <v>0.12346490062997793</v>
      </c>
      <c r="P60" s="34">
        <v>0</v>
      </c>
      <c r="Q60" s="2">
        <v>0.5253002378778372</v>
      </c>
      <c r="R60" s="2">
        <v>5.4228325316221092E-2</v>
      </c>
      <c r="S60" s="19">
        <v>4488</v>
      </c>
      <c r="T60" s="18">
        <v>5891</v>
      </c>
      <c r="U60" s="18">
        <v>682</v>
      </c>
      <c r="V60" s="18">
        <v>683</v>
      </c>
    </row>
    <row r="61" spans="1:22" x14ac:dyDescent="0.25">
      <c r="A61" s="8">
        <v>3</v>
      </c>
      <c r="B61" s="9" t="s">
        <v>303</v>
      </c>
      <c r="C61" s="20">
        <v>3061</v>
      </c>
      <c r="D61" s="20">
        <v>6147</v>
      </c>
      <c r="E61" s="20">
        <v>3674</v>
      </c>
      <c r="F61" s="20">
        <v>3901</v>
      </c>
      <c r="G61" s="10">
        <v>-7.1800000000000003E-2</v>
      </c>
      <c r="H61" s="20">
        <v>2769</v>
      </c>
      <c r="I61" s="20">
        <v>2856</v>
      </c>
      <c r="J61" s="20">
        <v>3128</v>
      </c>
      <c r="K61" s="20">
        <v>3271</v>
      </c>
      <c r="L61" s="10">
        <v>-5.11E-2</v>
      </c>
      <c r="M61" s="10">
        <v>0.1002</v>
      </c>
      <c r="N61" s="10">
        <v>0.1094</v>
      </c>
      <c r="O61" s="10">
        <v>0.1203</v>
      </c>
      <c r="P61" s="33">
        <v>3.2000000000000002E-3</v>
      </c>
      <c r="Q61" s="10">
        <v>0.29049999999999998</v>
      </c>
      <c r="R61" s="10">
        <v>5.5500000000000001E-2</v>
      </c>
      <c r="S61" s="21">
        <v>2751</v>
      </c>
      <c r="T61" s="20">
        <v>2769</v>
      </c>
      <c r="U61" s="20">
        <v>308</v>
      </c>
      <c r="V61" s="20">
        <v>340</v>
      </c>
    </row>
    <row r="62" spans="1:22" x14ac:dyDescent="0.25">
      <c r="A62" s="17">
        <v>3</v>
      </c>
      <c r="B62" s="16" t="s">
        <v>55</v>
      </c>
      <c r="C62" s="1">
        <v>7414</v>
      </c>
      <c r="D62" s="1">
        <v>6747</v>
      </c>
      <c r="E62" s="1">
        <v>7221</v>
      </c>
      <c r="F62" s="1">
        <v>7043</v>
      </c>
      <c r="G62" s="2">
        <v>1.7553915879367464E-2</v>
      </c>
      <c r="H62" s="1">
        <v>6435</v>
      </c>
      <c r="I62" s="1">
        <v>5929</v>
      </c>
      <c r="J62" s="1">
        <v>6484</v>
      </c>
      <c r="K62" s="1">
        <v>6303</v>
      </c>
      <c r="L62" s="2">
        <v>6.9585917123984459E-3</v>
      </c>
      <c r="M62" s="2">
        <v>0.14760000000000001</v>
      </c>
      <c r="N62" s="2">
        <v>0.1479</v>
      </c>
      <c r="O62" s="2">
        <v>0.1245</v>
      </c>
      <c r="P62" s="34">
        <v>0</v>
      </c>
      <c r="Q62" s="2">
        <v>0.17721439763962685</v>
      </c>
      <c r="R62" s="2">
        <v>1.0300869614714186E-2</v>
      </c>
      <c r="S62" s="19">
        <v>2644</v>
      </c>
      <c r="T62" s="18">
        <v>7549</v>
      </c>
      <c r="U62" s="18">
        <v>1114</v>
      </c>
      <c r="V62" s="18">
        <v>1117</v>
      </c>
    </row>
    <row r="63" spans="1:22" x14ac:dyDescent="0.25">
      <c r="A63" s="22">
        <v>3</v>
      </c>
      <c r="B63" s="23" t="s">
        <v>56</v>
      </c>
      <c r="C63" s="24">
        <v>5003</v>
      </c>
      <c r="D63" s="24">
        <v>5029</v>
      </c>
      <c r="E63" s="24">
        <v>5566</v>
      </c>
      <c r="F63" s="24">
        <v>5303</v>
      </c>
      <c r="G63" s="25">
        <v>-1.8835049705227341E-2</v>
      </c>
      <c r="H63" s="24">
        <v>4091</v>
      </c>
      <c r="I63" s="24">
        <v>4215</v>
      </c>
      <c r="J63" s="24">
        <v>3799</v>
      </c>
      <c r="K63" s="24">
        <v>3835</v>
      </c>
      <c r="L63" s="25">
        <v>2.223795541508683E-2</v>
      </c>
      <c r="M63" s="25">
        <v>0.18235800996174448</v>
      </c>
      <c r="N63" s="25">
        <v>0.18235800996174448</v>
      </c>
      <c r="O63" s="25">
        <v>0.22395190448184346</v>
      </c>
      <c r="P63" s="35">
        <v>0</v>
      </c>
      <c r="Q63" s="25">
        <v>0.28681641526828439</v>
      </c>
      <c r="R63" s="25">
        <v>6.3735465652531575E-2</v>
      </c>
      <c r="S63" s="26">
        <v>7221</v>
      </c>
      <c r="T63" s="27">
        <v>5003</v>
      </c>
      <c r="U63" s="27">
        <v>912</v>
      </c>
      <c r="V63" s="27">
        <v>912</v>
      </c>
    </row>
    <row r="64" spans="1:22" x14ac:dyDescent="0.25">
      <c r="A64" s="17">
        <v>3</v>
      </c>
      <c r="B64" s="16" t="s">
        <v>57</v>
      </c>
      <c r="C64" s="1">
        <v>2253</v>
      </c>
      <c r="D64" s="1">
        <v>3218</v>
      </c>
      <c r="E64" s="1">
        <v>2791</v>
      </c>
      <c r="F64" s="1">
        <v>3241</v>
      </c>
      <c r="G64" s="2">
        <v>-0.10164736892231102</v>
      </c>
      <c r="H64" s="1">
        <v>1984</v>
      </c>
      <c r="I64" s="1">
        <v>2273</v>
      </c>
      <c r="J64" s="1">
        <v>1934</v>
      </c>
      <c r="K64" s="1">
        <v>2055</v>
      </c>
      <c r="L64" s="2">
        <v>-1.1524067401862398E-2</v>
      </c>
      <c r="M64" s="2">
        <v>0.11918270807965164</v>
      </c>
      <c r="N64" s="2">
        <v>0.1895327739550052</v>
      </c>
      <c r="O64" s="2">
        <v>0.26790078584230514</v>
      </c>
      <c r="P64" s="34">
        <v>0</v>
      </c>
      <c r="Q64" s="2">
        <v>0.36150877696091599</v>
      </c>
      <c r="R64" s="2">
        <v>0.13064249848734319</v>
      </c>
      <c r="S64" s="19">
        <v>3169</v>
      </c>
      <c r="T64" s="18">
        <v>2253</v>
      </c>
      <c r="U64" s="18">
        <v>268</v>
      </c>
      <c r="V64" s="18">
        <v>464</v>
      </c>
    </row>
    <row r="65" spans="1:22" x14ac:dyDescent="0.25">
      <c r="A65" s="22">
        <v>3</v>
      </c>
      <c r="B65" s="23" t="s">
        <v>58</v>
      </c>
      <c r="C65" s="24">
        <v>580</v>
      </c>
      <c r="D65" s="24">
        <v>564</v>
      </c>
      <c r="E65" s="24">
        <v>1036</v>
      </c>
      <c r="F65" s="24">
        <v>1016</v>
      </c>
      <c r="G65" s="25">
        <v>-0.14323514246466426</v>
      </c>
      <c r="H65" s="24">
        <v>582</v>
      </c>
      <c r="I65" s="24">
        <v>553</v>
      </c>
      <c r="J65" s="24">
        <v>897</v>
      </c>
      <c r="K65" s="24">
        <v>925</v>
      </c>
      <c r="L65" s="25">
        <v>-0.12360844156265337</v>
      </c>
      <c r="M65" s="25">
        <v>-4.2273230002605414E-3</v>
      </c>
      <c r="N65" s="25">
        <v>-4.2273230002605414E-3</v>
      </c>
      <c r="O65" s="25">
        <v>6.7853557552722321E-2</v>
      </c>
      <c r="P65" s="35" t="s">
        <v>310</v>
      </c>
      <c r="Q65" s="25">
        <v>1.6098336160175857E-3</v>
      </c>
      <c r="R65" s="25">
        <v>0</v>
      </c>
      <c r="S65" s="26">
        <v>204</v>
      </c>
      <c r="T65" s="27">
        <v>580</v>
      </c>
      <c r="U65" s="27">
        <v>-2</v>
      </c>
      <c r="V65" s="27">
        <v>-2</v>
      </c>
    </row>
    <row r="66" spans="1:22" x14ac:dyDescent="0.25">
      <c r="A66" s="17">
        <v>3</v>
      </c>
      <c r="B66" s="16" t="s">
        <v>59</v>
      </c>
      <c r="C66" s="1">
        <v>594</v>
      </c>
      <c r="D66" s="1">
        <v>769</v>
      </c>
      <c r="E66" s="1">
        <v>742</v>
      </c>
      <c r="F66" s="1">
        <v>795</v>
      </c>
      <c r="G66" s="2">
        <v>-8.4398628369729514E-2</v>
      </c>
      <c r="H66" s="1">
        <v>518</v>
      </c>
      <c r="I66" s="1">
        <v>803</v>
      </c>
      <c r="J66" s="1">
        <v>1065</v>
      </c>
      <c r="K66" s="1">
        <v>1284</v>
      </c>
      <c r="L66" s="2">
        <v>-0.19889001446464338</v>
      </c>
      <c r="M66" s="2">
        <v>0.12728733916389656</v>
      </c>
      <c r="N66" s="2">
        <v>0.12728733916389656</v>
      </c>
      <c r="O66" s="2">
        <v>9.279307787309711E-3</v>
      </c>
      <c r="P66" s="34">
        <v>6.1127693068326215E-3</v>
      </c>
      <c r="Q66" s="2">
        <v>0.34294460852614572</v>
      </c>
      <c r="R66" s="2">
        <v>0</v>
      </c>
      <c r="S66" s="19">
        <v>1198</v>
      </c>
      <c r="T66" s="18">
        <v>594</v>
      </c>
      <c r="U66" s="18">
        <v>76</v>
      </c>
      <c r="V66" s="18">
        <v>76</v>
      </c>
    </row>
    <row r="67" spans="1:22" x14ac:dyDescent="0.25">
      <c r="A67" s="22">
        <v>3</v>
      </c>
      <c r="B67" s="23" t="s">
        <v>60</v>
      </c>
      <c r="C67" s="24">
        <v>1324</v>
      </c>
      <c r="D67" s="24">
        <v>373</v>
      </c>
      <c r="E67" s="29" t="s">
        <v>61</v>
      </c>
      <c r="F67" s="29" t="s">
        <v>61</v>
      </c>
      <c r="G67" s="30" t="s">
        <v>61</v>
      </c>
      <c r="H67" s="24">
        <v>1271</v>
      </c>
      <c r="I67" s="24">
        <v>1223</v>
      </c>
      <c r="J67" s="29" t="s">
        <v>61</v>
      </c>
      <c r="K67" s="29" t="s">
        <v>61</v>
      </c>
      <c r="L67" s="30" t="s">
        <v>61</v>
      </c>
      <c r="M67" s="25">
        <v>4.0043768963907975E-2</v>
      </c>
      <c r="N67" s="25">
        <v>4.0055367523458701E-2</v>
      </c>
      <c r="O67" s="30" t="s">
        <v>61</v>
      </c>
      <c r="P67" s="35" t="s">
        <v>310</v>
      </c>
      <c r="Q67" s="25">
        <v>0.15496297459799158</v>
      </c>
      <c r="R67" s="25">
        <v>0.23731070074141422</v>
      </c>
      <c r="S67" s="26">
        <v>908</v>
      </c>
      <c r="T67" s="27">
        <v>1324</v>
      </c>
      <c r="U67" s="27">
        <v>53</v>
      </c>
      <c r="V67" s="27">
        <v>53</v>
      </c>
    </row>
    <row r="68" spans="1:22" x14ac:dyDescent="0.25">
      <c r="A68" s="17">
        <v>3</v>
      </c>
      <c r="B68" s="16" t="s">
        <v>62</v>
      </c>
      <c r="C68" s="1">
        <v>1825</v>
      </c>
      <c r="D68" s="1">
        <v>1239</v>
      </c>
      <c r="E68" s="1">
        <v>2144</v>
      </c>
      <c r="F68" s="1">
        <v>2499</v>
      </c>
      <c r="G68" s="2">
        <v>-8.9936264032657531E-2</v>
      </c>
      <c r="H68" s="1">
        <v>2229</v>
      </c>
      <c r="I68" s="1">
        <v>1284</v>
      </c>
      <c r="J68" s="1">
        <v>2184</v>
      </c>
      <c r="K68" s="1">
        <v>2344</v>
      </c>
      <c r="L68" s="2">
        <v>-1.6403118013166126E-2</v>
      </c>
      <c r="M68" s="2">
        <v>-0.20120157673257588</v>
      </c>
      <c r="N68" s="2">
        <v>-0.20120157673257588</v>
      </c>
      <c r="O68" s="2">
        <v>-8.7061087795514761E-2</v>
      </c>
      <c r="P68" s="34">
        <v>6.5393337323423348E-3</v>
      </c>
      <c r="Q68" s="2">
        <v>0.36169045624133489</v>
      </c>
      <c r="R68" s="2">
        <v>5.7036742024324356E-2</v>
      </c>
      <c r="S68" s="19">
        <v>1818</v>
      </c>
      <c r="T68" s="18">
        <v>1855</v>
      </c>
      <c r="U68" s="18">
        <v>-373</v>
      </c>
      <c r="V68" s="18">
        <v>-373</v>
      </c>
    </row>
    <row r="69" spans="1:22" x14ac:dyDescent="0.25">
      <c r="A69" s="22">
        <v>3</v>
      </c>
      <c r="B69" s="23" t="s">
        <v>63</v>
      </c>
      <c r="C69" s="24">
        <v>2759</v>
      </c>
      <c r="D69" s="24">
        <v>3040</v>
      </c>
      <c r="E69" s="24">
        <v>2879</v>
      </c>
      <c r="F69" s="24">
        <v>3541</v>
      </c>
      <c r="G69" s="25">
        <v>-7.3578425599048577E-2</v>
      </c>
      <c r="H69" s="24">
        <v>2016</v>
      </c>
      <c r="I69" s="24">
        <v>2337</v>
      </c>
      <c r="J69" s="24">
        <v>2091</v>
      </c>
      <c r="K69" s="24">
        <v>2227</v>
      </c>
      <c r="L69" s="25">
        <v>-3.1568006169424463E-2</v>
      </c>
      <c r="M69" s="25">
        <v>0.26930047118521205</v>
      </c>
      <c r="N69" s="25">
        <v>0.28409090909090912</v>
      </c>
      <c r="O69" s="25">
        <v>0.26240910260151357</v>
      </c>
      <c r="P69" s="35">
        <v>0</v>
      </c>
      <c r="Q69" s="25">
        <v>0.41606367583212733</v>
      </c>
      <c r="R69" s="25">
        <v>2.0984081041968163E-2</v>
      </c>
      <c r="S69" s="26">
        <v>2803</v>
      </c>
      <c r="T69" s="27">
        <v>2759</v>
      </c>
      <c r="U69" s="27">
        <v>743</v>
      </c>
      <c r="V69" s="27">
        <v>800</v>
      </c>
    </row>
    <row r="70" spans="1:22" x14ac:dyDescent="0.25">
      <c r="A70" s="17">
        <v>3</v>
      </c>
      <c r="B70" s="16" t="s">
        <v>64</v>
      </c>
      <c r="C70" s="1">
        <v>2502</v>
      </c>
      <c r="D70" s="1">
        <v>3216</v>
      </c>
      <c r="E70" s="1">
        <v>2976</v>
      </c>
      <c r="F70" s="1">
        <v>2722</v>
      </c>
      <c r="G70" s="2">
        <v>-2.6907026667876501E-2</v>
      </c>
      <c r="H70" s="1">
        <v>1882</v>
      </c>
      <c r="I70" s="1">
        <v>2522</v>
      </c>
      <c r="J70" s="1">
        <v>2248</v>
      </c>
      <c r="K70" s="1">
        <v>1975</v>
      </c>
      <c r="L70" s="2">
        <v>-1.5716533971283791E-2</v>
      </c>
      <c r="M70" s="2">
        <v>0.24794307875823457</v>
      </c>
      <c r="N70" s="2">
        <v>0.26625643017051209</v>
      </c>
      <c r="O70" s="2">
        <v>0.24060967672218672</v>
      </c>
      <c r="P70" s="34">
        <v>0</v>
      </c>
      <c r="Q70" s="2">
        <v>0.60548871985150288</v>
      </c>
      <c r="R70" s="2">
        <v>5.2701700963672944E-2</v>
      </c>
      <c r="S70" s="19">
        <v>4614</v>
      </c>
      <c r="T70" s="18">
        <v>2502</v>
      </c>
      <c r="U70" s="18">
        <v>620</v>
      </c>
      <c r="V70" s="18">
        <v>683</v>
      </c>
    </row>
    <row r="71" spans="1:22" x14ac:dyDescent="0.25">
      <c r="A71" s="22">
        <v>3</v>
      </c>
      <c r="B71" s="23" t="s">
        <v>65</v>
      </c>
      <c r="C71" s="24">
        <v>6361</v>
      </c>
      <c r="D71" s="24">
        <v>7279</v>
      </c>
      <c r="E71" s="24">
        <v>7708</v>
      </c>
      <c r="F71" s="24">
        <v>8953</v>
      </c>
      <c r="G71" s="25">
        <v>-9.6505889666195166E-2</v>
      </c>
      <c r="H71" s="24">
        <v>6688</v>
      </c>
      <c r="I71" s="24">
        <v>7425</v>
      </c>
      <c r="J71" s="24">
        <v>7450</v>
      </c>
      <c r="K71" s="24">
        <v>8489</v>
      </c>
      <c r="L71" s="25">
        <v>-7.0728077818202714E-2</v>
      </c>
      <c r="M71" s="25">
        <v>-5.1359834839579517E-2</v>
      </c>
      <c r="N71" s="25">
        <v>-5.1359834839579517E-2</v>
      </c>
      <c r="O71" s="25">
        <v>-1.004863130961837E-2</v>
      </c>
      <c r="P71" s="35">
        <v>1.2819303480042668E-2</v>
      </c>
      <c r="Q71" s="25">
        <v>0.25911431578666044</v>
      </c>
      <c r="R71" s="25">
        <v>6.4210022410544507E-2</v>
      </c>
      <c r="S71" s="26">
        <v>2931</v>
      </c>
      <c r="T71" s="27">
        <v>6361</v>
      </c>
      <c r="U71" s="27">
        <v>-327</v>
      </c>
      <c r="V71" s="27">
        <v>-327</v>
      </c>
    </row>
    <row r="72" spans="1:22" x14ac:dyDescent="0.25">
      <c r="A72" s="8">
        <v>4</v>
      </c>
      <c r="B72" s="9" t="s">
        <v>304</v>
      </c>
      <c r="C72" s="20">
        <v>7705</v>
      </c>
      <c r="D72" s="20">
        <v>7264</v>
      </c>
      <c r="E72" s="20">
        <v>7025</v>
      </c>
      <c r="F72" s="20">
        <v>6121</v>
      </c>
      <c r="G72" s="10">
        <v>8.6300000000000002E-2</v>
      </c>
      <c r="H72" s="20">
        <v>4259</v>
      </c>
      <c r="I72" s="20">
        <v>4475</v>
      </c>
      <c r="J72" s="20">
        <v>4427</v>
      </c>
      <c r="K72" s="20">
        <v>3900</v>
      </c>
      <c r="L72" s="10">
        <v>3.0700000000000002E-2</v>
      </c>
      <c r="M72" s="10">
        <v>0.44850000000000001</v>
      </c>
      <c r="N72" s="10">
        <v>0.45079999999999998</v>
      </c>
      <c r="O72" s="10">
        <v>0.40460000000000002</v>
      </c>
      <c r="P72" s="33">
        <v>5.1999999999999998E-3</v>
      </c>
      <c r="Q72" s="10">
        <v>0.1598</v>
      </c>
      <c r="R72" s="10">
        <v>0.10580000000000001</v>
      </c>
      <c r="S72" s="21">
        <v>3768</v>
      </c>
      <c r="T72" s="20">
        <v>4259</v>
      </c>
      <c r="U72" s="20">
        <v>3464</v>
      </c>
      <c r="V72" s="20">
        <v>3496</v>
      </c>
    </row>
    <row r="73" spans="1:22" x14ac:dyDescent="0.25">
      <c r="A73" s="17">
        <v>4</v>
      </c>
      <c r="B73" s="16" t="s">
        <v>66</v>
      </c>
      <c r="C73" s="1">
        <v>1807</v>
      </c>
      <c r="D73" s="1">
        <v>1575</v>
      </c>
      <c r="E73" s="28" t="s">
        <v>310</v>
      </c>
      <c r="F73" s="1">
        <v>2121</v>
      </c>
      <c r="G73" s="2">
        <v>-4.9263830258126251E-2</v>
      </c>
      <c r="H73" s="1">
        <v>1033</v>
      </c>
      <c r="I73" s="1">
        <v>1085</v>
      </c>
      <c r="J73" s="28" t="s">
        <v>310</v>
      </c>
      <c r="K73" s="1">
        <v>1421</v>
      </c>
      <c r="L73" s="2">
        <v>-9.0944384197060316E-2</v>
      </c>
      <c r="M73" s="2">
        <v>0.42823428638777961</v>
      </c>
      <c r="N73" s="2">
        <v>0.42823428638777961</v>
      </c>
      <c r="O73" s="28" t="s">
        <v>310</v>
      </c>
      <c r="P73" s="34">
        <v>2.9117552081160548E-2</v>
      </c>
      <c r="Q73" s="2">
        <v>0.32660472585074551</v>
      </c>
      <c r="R73" s="2">
        <v>2.7566263780226859E-2</v>
      </c>
      <c r="S73" s="19">
        <v>2875</v>
      </c>
      <c r="T73" s="18">
        <v>1807</v>
      </c>
      <c r="U73" s="18">
        <v>774</v>
      </c>
      <c r="V73" s="18">
        <v>774</v>
      </c>
    </row>
    <row r="74" spans="1:22" x14ac:dyDescent="0.25">
      <c r="A74" s="22">
        <v>4</v>
      </c>
      <c r="B74" s="23" t="s">
        <v>67</v>
      </c>
      <c r="C74" s="24">
        <v>1668</v>
      </c>
      <c r="D74" s="24">
        <v>1839</v>
      </c>
      <c r="E74" s="24">
        <v>2035</v>
      </c>
      <c r="F74" s="24">
        <v>416</v>
      </c>
      <c r="G74" s="25">
        <v>1.0041456078607782</v>
      </c>
      <c r="H74" s="24">
        <v>1573</v>
      </c>
      <c r="I74" s="24">
        <v>1846</v>
      </c>
      <c r="J74" s="24">
        <v>1843</v>
      </c>
      <c r="K74" s="24">
        <v>512</v>
      </c>
      <c r="L74" s="25">
        <v>0.69122051434370435</v>
      </c>
      <c r="M74" s="25">
        <v>5.7739678431936357E-2</v>
      </c>
      <c r="N74" s="25">
        <v>5.7739678431936357E-2</v>
      </c>
      <c r="O74" s="25">
        <v>5.079957788781557E-2</v>
      </c>
      <c r="P74" s="35">
        <v>2.8889370281240732E-3</v>
      </c>
      <c r="Q74" s="25">
        <v>0.30012937851549243</v>
      </c>
      <c r="R74" s="25">
        <v>5.2818569114386676E-2</v>
      </c>
      <c r="S74" s="26">
        <v>3200</v>
      </c>
      <c r="T74" s="27">
        <v>1669</v>
      </c>
      <c r="U74" s="27">
        <v>96</v>
      </c>
      <c r="V74" s="27">
        <v>96</v>
      </c>
    </row>
    <row r="75" spans="1:22" x14ac:dyDescent="0.25">
      <c r="A75" s="17">
        <v>4</v>
      </c>
      <c r="B75" s="16" t="s">
        <v>68</v>
      </c>
      <c r="C75" s="1">
        <v>2042</v>
      </c>
      <c r="D75" s="1">
        <v>2939</v>
      </c>
      <c r="E75" s="1">
        <v>2883</v>
      </c>
      <c r="F75" s="1">
        <v>1694</v>
      </c>
      <c r="G75" s="2">
        <v>6.8629511882885907E-2</v>
      </c>
      <c r="H75" s="1">
        <v>2020</v>
      </c>
      <c r="I75" s="1">
        <v>2185</v>
      </c>
      <c r="J75" s="1">
        <v>1992</v>
      </c>
      <c r="K75" s="1">
        <v>1667</v>
      </c>
      <c r="L75" s="2">
        <v>7.0643584614258445E-2</v>
      </c>
      <c r="M75" s="2">
        <v>9.3918515491369356E-2</v>
      </c>
      <c r="N75" s="2">
        <v>9.3918515491369356E-2</v>
      </c>
      <c r="O75" s="2">
        <v>0.26019798708435238</v>
      </c>
      <c r="P75" s="34">
        <v>4.0035595553542386E-2</v>
      </c>
      <c r="Q75" s="2">
        <v>0.24775828556227791</v>
      </c>
      <c r="R75" s="2">
        <v>7.2505538960232083E-2</v>
      </c>
      <c r="S75" s="19">
        <v>3105</v>
      </c>
      <c r="T75" s="18">
        <v>2229</v>
      </c>
      <c r="U75" s="18">
        <v>209</v>
      </c>
      <c r="V75" s="18">
        <v>209</v>
      </c>
    </row>
    <row r="76" spans="1:22" x14ac:dyDescent="0.25">
      <c r="A76" s="22">
        <v>4</v>
      </c>
      <c r="B76" s="23" t="s">
        <v>69</v>
      </c>
      <c r="C76" s="24">
        <v>8423</v>
      </c>
      <c r="D76" s="24">
        <v>9603</v>
      </c>
      <c r="E76" s="24">
        <v>8438</v>
      </c>
      <c r="F76" s="24">
        <v>8920</v>
      </c>
      <c r="G76" s="25">
        <v>-1.8565611148193131E-2</v>
      </c>
      <c r="H76" s="24">
        <v>8726</v>
      </c>
      <c r="I76" s="24">
        <v>11080</v>
      </c>
      <c r="J76" s="24">
        <v>9934</v>
      </c>
      <c r="K76" s="24">
        <v>9957</v>
      </c>
      <c r="L76" s="25">
        <v>-4.1197608855978861E-2</v>
      </c>
      <c r="M76" s="25">
        <v>-3.5932416840301254E-2</v>
      </c>
      <c r="N76" s="25">
        <v>-3.5932416840301254E-2</v>
      </c>
      <c r="O76" s="25">
        <v>-0.12378059860755145</v>
      </c>
      <c r="P76" s="35">
        <v>9.0853353565361564E-3</v>
      </c>
      <c r="Q76" s="25">
        <v>0.27760505006267705</v>
      </c>
      <c r="R76" s="25">
        <v>5.0095324408687719E-2</v>
      </c>
      <c r="S76" s="26">
        <v>8204</v>
      </c>
      <c r="T76" s="27">
        <v>8423</v>
      </c>
      <c r="U76" s="27">
        <v>-303</v>
      </c>
      <c r="V76" s="27">
        <v>-303</v>
      </c>
    </row>
    <row r="77" spans="1:22" x14ac:dyDescent="0.25">
      <c r="A77" s="17">
        <v>4</v>
      </c>
      <c r="B77" s="16" t="s">
        <v>70</v>
      </c>
      <c r="C77" s="1">
        <v>50845</v>
      </c>
      <c r="D77" s="1">
        <v>42709</v>
      </c>
      <c r="E77" s="1">
        <v>38268</v>
      </c>
      <c r="F77" s="1">
        <v>38020</v>
      </c>
      <c r="G77" s="2">
        <v>0.11243515152570405</v>
      </c>
      <c r="H77" s="1">
        <v>20320</v>
      </c>
      <c r="I77" s="1">
        <v>19450</v>
      </c>
      <c r="J77" s="1">
        <v>19176</v>
      </c>
      <c r="K77" s="1">
        <v>19086</v>
      </c>
      <c r="L77" s="2">
        <v>2.1544780577585198E-2</v>
      </c>
      <c r="M77" s="2">
        <v>0.6003585209246689</v>
      </c>
      <c r="N77" s="2">
        <v>0.6003585209246689</v>
      </c>
      <c r="O77" s="2">
        <v>0.55283422666621795</v>
      </c>
      <c r="P77" s="34">
        <v>0</v>
      </c>
      <c r="Q77" s="2">
        <v>1.8524086895168559E-2</v>
      </c>
      <c r="R77" s="2">
        <v>0.19277488761828721</v>
      </c>
      <c r="S77" s="19">
        <v>14989</v>
      </c>
      <c r="T77" s="18">
        <v>50845</v>
      </c>
      <c r="U77" s="18">
        <v>30525</v>
      </c>
      <c r="V77" s="18">
        <v>30525</v>
      </c>
    </row>
    <row r="78" spans="1:22" x14ac:dyDescent="0.25">
      <c r="A78" s="22">
        <v>4</v>
      </c>
      <c r="B78" s="23" t="s">
        <v>71</v>
      </c>
      <c r="C78" s="24">
        <v>899</v>
      </c>
      <c r="D78" s="24">
        <v>827</v>
      </c>
      <c r="E78" s="24">
        <v>764</v>
      </c>
      <c r="F78" s="24">
        <v>752</v>
      </c>
      <c r="G78" s="25">
        <v>6.5443783938166675E-2</v>
      </c>
      <c r="H78" s="24">
        <v>790</v>
      </c>
      <c r="I78" s="24">
        <v>740</v>
      </c>
      <c r="J78" s="24">
        <v>731</v>
      </c>
      <c r="K78" s="24">
        <v>688</v>
      </c>
      <c r="L78" s="25">
        <v>4.9690458840407285E-2</v>
      </c>
      <c r="M78" s="25">
        <v>0.12140435086751551</v>
      </c>
      <c r="N78" s="25">
        <v>0.12140435086751551</v>
      </c>
      <c r="O78" s="25">
        <v>9.2012513955711195E-2</v>
      </c>
      <c r="P78" s="35">
        <v>1.3976136213287021E-4</v>
      </c>
      <c r="Q78" s="25">
        <v>8.6676942718794281E-2</v>
      </c>
      <c r="R78" s="25">
        <v>0</v>
      </c>
      <c r="S78" s="26">
        <v>411</v>
      </c>
      <c r="T78" s="27">
        <v>899</v>
      </c>
      <c r="U78" s="27">
        <v>109</v>
      </c>
      <c r="V78" s="27">
        <v>109</v>
      </c>
    </row>
    <row r="79" spans="1:22" x14ac:dyDescent="0.25">
      <c r="A79" s="17">
        <v>4</v>
      </c>
      <c r="B79" s="16" t="s">
        <v>72</v>
      </c>
      <c r="C79" s="1">
        <v>167</v>
      </c>
      <c r="D79" s="1">
        <v>508</v>
      </c>
      <c r="E79" s="1">
        <v>578</v>
      </c>
      <c r="F79" s="1">
        <v>771</v>
      </c>
      <c r="G79" s="2">
        <v>-0.26111090942722354</v>
      </c>
      <c r="H79" s="1">
        <v>258</v>
      </c>
      <c r="I79" s="1">
        <v>514</v>
      </c>
      <c r="J79" s="1">
        <v>685</v>
      </c>
      <c r="K79" s="1">
        <v>707</v>
      </c>
      <c r="L79" s="2">
        <v>-0.21180362944765829</v>
      </c>
      <c r="M79" s="2">
        <v>-0.54173249078462349</v>
      </c>
      <c r="N79" s="2">
        <v>-0.54173249078462349</v>
      </c>
      <c r="O79" s="2">
        <v>-0.1625274004205256</v>
      </c>
      <c r="P79" s="34">
        <v>0</v>
      </c>
      <c r="Q79" s="2">
        <v>0.59241706161137442</v>
      </c>
      <c r="R79" s="2">
        <v>8.5858585858585856E-2</v>
      </c>
      <c r="S79" s="19">
        <v>323</v>
      </c>
      <c r="T79" s="18">
        <v>167</v>
      </c>
      <c r="U79" s="18">
        <v>-91</v>
      </c>
      <c r="V79" s="18">
        <v>-91</v>
      </c>
    </row>
    <row r="80" spans="1:22" x14ac:dyDescent="0.25">
      <c r="A80" s="22">
        <v>4</v>
      </c>
      <c r="B80" s="23" t="s">
        <v>73</v>
      </c>
      <c r="C80" s="24">
        <v>19921</v>
      </c>
      <c r="D80" s="24">
        <v>20215</v>
      </c>
      <c r="E80" s="24">
        <v>20905</v>
      </c>
      <c r="F80" s="24">
        <v>20666</v>
      </c>
      <c r="G80" s="25">
        <v>-1.2018231748645953E-2</v>
      </c>
      <c r="H80" s="24">
        <v>7924</v>
      </c>
      <c r="I80" s="24">
        <v>8249</v>
      </c>
      <c r="J80" s="24">
        <v>8517</v>
      </c>
      <c r="K80" s="24">
        <v>8391</v>
      </c>
      <c r="L80" s="25">
        <v>-1.855308161801069E-2</v>
      </c>
      <c r="M80" s="25">
        <v>0.60223056463379154</v>
      </c>
      <c r="N80" s="25">
        <v>0.60223056463379154</v>
      </c>
      <c r="O80" s="25">
        <v>0.59551901509562388</v>
      </c>
      <c r="P80" s="35">
        <v>1.4810169023034277E-2</v>
      </c>
      <c r="Q80" s="25">
        <v>0.21714590633536077</v>
      </c>
      <c r="R80" s="25">
        <v>1.1117081928510993E-2</v>
      </c>
      <c r="S80" s="26">
        <v>4751</v>
      </c>
      <c r="T80" s="27">
        <v>19921</v>
      </c>
      <c r="U80" s="27">
        <v>11997</v>
      </c>
      <c r="V80" s="27">
        <v>11997</v>
      </c>
    </row>
    <row r="81" spans="1:22" x14ac:dyDescent="0.25">
      <c r="A81" s="17">
        <v>4</v>
      </c>
      <c r="B81" s="16" t="s">
        <v>74</v>
      </c>
      <c r="C81" s="1">
        <v>1055</v>
      </c>
      <c r="D81" s="1">
        <v>1357</v>
      </c>
      <c r="E81" s="1">
        <v>1552</v>
      </c>
      <c r="F81" s="1">
        <v>1357</v>
      </c>
      <c r="G81" s="2">
        <v>-7.4265770920576346E-2</v>
      </c>
      <c r="H81" s="1">
        <v>975</v>
      </c>
      <c r="I81" s="1">
        <v>962</v>
      </c>
      <c r="J81" s="1">
        <v>994</v>
      </c>
      <c r="K81" s="1">
        <v>1021</v>
      </c>
      <c r="L81" s="2">
        <v>-1.5076187341983745E-2</v>
      </c>
      <c r="M81" s="2">
        <v>0.10433419578671919</v>
      </c>
      <c r="N81" s="2">
        <v>0.10433419578671919</v>
      </c>
      <c r="O81" s="2">
        <v>0.26698727986400372</v>
      </c>
      <c r="P81" s="34">
        <v>2.5658717185036658E-3</v>
      </c>
      <c r="Q81" s="2">
        <v>0.15461062436061654</v>
      </c>
      <c r="R81" s="2">
        <v>3.652129887639171E-3</v>
      </c>
      <c r="S81" s="19">
        <v>1187</v>
      </c>
      <c r="T81" s="18">
        <v>1088</v>
      </c>
      <c r="U81" s="18">
        <v>114</v>
      </c>
      <c r="V81" s="18">
        <v>114</v>
      </c>
    </row>
    <row r="82" spans="1:22" x14ac:dyDescent="0.25">
      <c r="A82" s="22">
        <v>4</v>
      </c>
      <c r="B82" s="23" t="s">
        <v>75</v>
      </c>
      <c r="C82" s="24">
        <v>6610</v>
      </c>
      <c r="D82" s="24">
        <v>6104</v>
      </c>
      <c r="E82" s="24">
        <v>8304</v>
      </c>
      <c r="F82" s="24">
        <v>8766</v>
      </c>
      <c r="G82" s="25">
        <v>-8.1956432697468065E-2</v>
      </c>
      <c r="H82" s="24">
        <v>5777</v>
      </c>
      <c r="I82" s="24">
        <v>6057</v>
      </c>
      <c r="J82" s="24">
        <v>7456</v>
      </c>
      <c r="K82" s="24">
        <v>7385</v>
      </c>
      <c r="L82" s="25">
        <v>-7.2566470343566558E-2</v>
      </c>
      <c r="M82" s="25">
        <v>0.12839999999999999</v>
      </c>
      <c r="N82" s="25">
        <v>0.12839999999999999</v>
      </c>
      <c r="O82" s="25">
        <v>0.10249999999999999</v>
      </c>
      <c r="P82" s="35">
        <v>0</v>
      </c>
      <c r="Q82" s="25">
        <v>0.67981119395632261</v>
      </c>
      <c r="R82" s="25">
        <v>2.7225154098846637E-2</v>
      </c>
      <c r="S82" s="26">
        <v>5846</v>
      </c>
      <c r="T82" s="27">
        <v>6628</v>
      </c>
      <c r="U82" s="27">
        <v>851</v>
      </c>
      <c r="V82" s="27">
        <v>851</v>
      </c>
    </row>
    <row r="83" spans="1:22" x14ac:dyDescent="0.25">
      <c r="A83" s="17">
        <v>4</v>
      </c>
      <c r="B83" s="16" t="s">
        <v>76</v>
      </c>
      <c r="C83" s="1">
        <v>1501</v>
      </c>
      <c r="D83" s="1">
        <v>1270</v>
      </c>
      <c r="E83" s="1">
        <v>1301</v>
      </c>
      <c r="F83" s="1">
        <v>1527</v>
      </c>
      <c r="G83" s="2">
        <v>-5.5868031475918836E-3</v>
      </c>
      <c r="H83" s="1">
        <v>1470</v>
      </c>
      <c r="I83" s="1">
        <v>1275</v>
      </c>
      <c r="J83" s="1">
        <v>1262</v>
      </c>
      <c r="K83" s="1">
        <v>1494</v>
      </c>
      <c r="L83" s="2">
        <v>-5.3515755048997166E-3</v>
      </c>
      <c r="M83" s="2">
        <v>2.1054216004853951E-2</v>
      </c>
      <c r="N83" s="2">
        <v>2.1054216004853951E-2</v>
      </c>
      <c r="O83" s="2">
        <v>1.615964096889096E-2</v>
      </c>
      <c r="P83" s="34">
        <v>2.0177084507617955E-3</v>
      </c>
      <c r="Q83" s="2">
        <v>0.43869803204359881</v>
      </c>
      <c r="R83" s="2">
        <v>6.4723626856223543E-2</v>
      </c>
      <c r="S83" s="19">
        <v>1739</v>
      </c>
      <c r="T83" s="18">
        <v>1501</v>
      </c>
      <c r="U83" s="18">
        <v>32</v>
      </c>
      <c r="V83" s="18">
        <v>32</v>
      </c>
    </row>
    <row r="84" spans="1:22" x14ac:dyDescent="0.25">
      <c r="A84" s="22">
        <v>4</v>
      </c>
      <c r="B84" s="23" t="s">
        <v>77</v>
      </c>
      <c r="C84" s="24">
        <v>4837</v>
      </c>
      <c r="D84" s="24">
        <v>5205</v>
      </c>
      <c r="E84" s="24">
        <v>5469</v>
      </c>
      <c r="F84" s="24">
        <v>5789</v>
      </c>
      <c r="G84" s="25">
        <v>-5.482357606038657E-2</v>
      </c>
      <c r="H84" s="24">
        <v>4438</v>
      </c>
      <c r="I84" s="24">
        <v>4508</v>
      </c>
      <c r="J84" s="24">
        <v>4388</v>
      </c>
      <c r="K84" s="24">
        <v>4756</v>
      </c>
      <c r="L84" s="25">
        <v>-2.2301331002542241E-2</v>
      </c>
      <c r="M84" s="25">
        <v>8.0684336748401961E-2</v>
      </c>
      <c r="N84" s="25">
        <v>0.15543968285414522</v>
      </c>
      <c r="O84" s="25">
        <v>0.16297978432224763</v>
      </c>
      <c r="P84" s="35">
        <v>0</v>
      </c>
      <c r="Q84" s="25">
        <v>0.14244798009223633</v>
      </c>
      <c r="R84" s="25">
        <v>1.4819796779047559E-2</v>
      </c>
      <c r="S84" s="26">
        <v>2325</v>
      </c>
      <c r="T84" s="27">
        <v>4827</v>
      </c>
      <c r="U84" s="27">
        <v>389</v>
      </c>
      <c r="V84" s="27">
        <v>817</v>
      </c>
    </row>
    <row r="85" spans="1:22" x14ac:dyDescent="0.25">
      <c r="A85" s="17">
        <v>4</v>
      </c>
      <c r="B85" s="16" t="s">
        <v>78</v>
      </c>
      <c r="C85" s="1">
        <v>392</v>
      </c>
      <c r="D85" s="1">
        <v>276</v>
      </c>
      <c r="E85" s="1">
        <v>253</v>
      </c>
      <c r="F85" s="1">
        <v>304</v>
      </c>
      <c r="G85" s="2">
        <v>9.6417510983788243E-2</v>
      </c>
      <c r="H85" s="1">
        <v>69</v>
      </c>
      <c r="I85" s="1">
        <v>221</v>
      </c>
      <c r="J85" s="1">
        <v>250</v>
      </c>
      <c r="K85" s="1">
        <v>275</v>
      </c>
      <c r="L85" s="2">
        <v>-0.24940383391857171</v>
      </c>
      <c r="M85" s="2">
        <v>0.82385783050864736</v>
      </c>
      <c r="N85" s="2">
        <v>0.82385783050864736</v>
      </c>
      <c r="O85" s="2">
        <v>0.4135816064916733</v>
      </c>
      <c r="P85" s="34" t="s">
        <v>310</v>
      </c>
      <c r="Q85" s="2">
        <v>0.23216779214833466</v>
      </c>
      <c r="R85" s="2">
        <v>8.7724619434588536E-2</v>
      </c>
      <c r="S85" s="19">
        <v>35</v>
      </c>
      <c r="T85" s="18">
        <v>392</v>
      </c>
      <c r="U85" s="18">
        <v>323</v>
      </c>
      <c r="V85" s="18">
        <v>323</v>
      </c>
    </row>
    <row r="86" spans="1:22" x14ac:dyDescent="0.25">
      <c r="A86" s="8">
        <v>5</v>
      </c>
      <c r="B86" s="9" t="s">
        <v>305</v>
      </c>
      <c r="C86" s="20">
        <v>5079</v>
      </c>
      <c r="D86" s="20">
        <v>5734</v>
      </c>
      <c r="E86" s="20">
        <v>5488</v>
      </c>
      <c r="F86" s="20">
        <v>5391</v>
      </c>
      <c r="G86" s="10">
        <v>-1.9300000000000001E-2</v>
      </c>
      <c r="H86" s="20">
        <v>4190</v>
      </c>
      <c r="I86" s="20">
        <v>4173</v>
      </c>
      <c r="J86" s="20">
        <v>4116</v>
      </c>
      <c r="K86" s="20">
        <v>3965</v>
      </c>
      <c r="L86" s="10">
        <v>1.89E-2</v>
      </c>
      <c r="M86" s="10">
        <v>0.187</v>
      </c>
      <c r="N86" s="10">
        <v>0.1951</v>
      </c>
      <c r="O86" s="10">
        <v>0.24160000000000001</v>
      </c>
      <c r="P86" s="33">
        <v>1.7000000000000001E-2</v>
      </c>
      <c r="Q86" s="10">
        <v>0.27479999999999999</v>
      </c>
      <c r="R86" s="10">
        <v>0.05</v>
      </c>
      <c r="S86" s="21">
        <v>3854</v>
      </c>
      <c r="T86" s="20">
        <v>4190</v>
      </c>
      <c r="U86" s="20">
        <v>963</v>
      </c>
      <c r="V86" s="20">
        <v>1016</v>
      </c>
    </row>
    <row r="87" spans="1:22" x14ac:dyDescent="0.25">
      <c r="A87" s="17">
        <v>5</v>
      </c>
      <c r="B87" s="16" t="s">
        <v>79</v>
      </c>
      <c r="C87" s="1">
        <v>13774</v>
      </c>
      <c r="D87" s="1">
        <v>15506</v>
      </c>
      <c r="E87" s="1">
        <v>13880</v>
      </c>
      <c r="F87" s="1">
        <v>13792</v>
      </c>
      <c r="G87" s="2">
        <v>-4.3503480278422272E-4</v>
      </c>
      <c r="H87" s="1">
        <v>12767</v>
      </c>
      <c r="I87" s="1">
        <v>12010</v>
      </c>
      <c r="J87" s="1">
        <v>11738</v>
      </c>
      <c r="K87" s="1">
        <v>10974</v>
      </c>
      <c r="L87" s="2">
        <v>5.4462061843144401E-2</v>
      </c>
      <c r="M87" s="2">
        <v>0.1110569558557304</v>
      </c>
      <c r="N87" s="2">
        <v>0.116592859119845</v>
      </c>
      <c r="O87" s="2">
        <v>0.17026449736411561</v>
      </c>
      <c r="P87" s="34">
        <v>2.8455460080314347E-2</v>
      </c>
      <c r="Q87" s="2">
        <v>0.1956439668941484</v>
      </c>
      <c r="R87" s="2">
        <v>3.7490924931029478E-2</v>
      </c>
      <c r="S87" s="19">
        <v>9534</v>
      </c>
      <c r="T87" s="18">
        <v>14362</v>
      </c>
      <c r="U87" s="18">
        <v>1595</v>
      </c>
      <c r="V87" s="18">
        <v>1685</v>
      </c>
    </row>
    <row r="88" spans="1:22" x14ac:dyDescent="0.25">
      <c r="A88" s="22">
        <v>5</v>
      </c>
      <c r="B88" s="23" t="s">
        <v>80</v>
      </c>
      <c r="C88" s="24">
        <v>309</v>
      </c>
      <c r="D88" s="24">
        <v>465</v>
      </c>
      <c r="E88" s="24">
        <v>416</v>
      </c>
      <c r="F88" s="24">
        <v>501</v>
      </c>
      <c r="G88" s="25">
        <v>-0.12767746936684266</v>
      </c>
      <c r="H88" s="24">
        <v>167</v>
      </c>
      <c r="I88" s="24">
        <v>227</v>
      </c>
      <c r="J88" s="24">
        <v>240</v>
      </c>
      <c r="K88" s="24">
        <v>258</v>
      </c>
      <c r="L88" s="25">
        <v>-0.11714791661007566</v>
      </c>
      <c r="M88" s="25">
        <v>0.45925072717448628</v>
      </c>
      <c r="N88" s="25">
        <v>0.47591572306138896</v>
      </c>
      <c r="O88" s="25">
        <v>0.47183689786128324</v>
      </c>
      <c r="P88" s="35">
        <v>0</v>
      </c>
      <c r="Q88" s="25">
        <v>0.15156937034292869</v>
      </c>
      <c r="R88" s="25">
        <v>0</v>
      </c>
      <c r="S88" s="26">
        <v>626</v>
      </c>
      <c r="T88" s="27">
        <v>309</v>
      </c>
      <c r="U88" s="27">
        <v>142</v>
      </c>
      <c r="V88" s="27">
        <v>152</v>
      </c>
    </row>
    <row r="89" spans="1:22" x14ac:dyDescent="0.25">
      <c r="A89" s="17">
        <v>5</v>
      </c>
      <c r="B89" s="16" t="s">
        <v>81</v>
      </c>
      <c r="C89" s="1">
        <v>3140</v>
      </c>
      <c r="D89" s="1">
        <v>2769</v>
      </c>
      <c r="E89" s="1">
        <v>2650</v>
      </c>
      <c r="F89" s="1">
        <v>2766</v>
      </c>
      <c r="G89" s="2">
        <v>4.5133085186450622E-2</v>
      </c>
      <c r="H89" s="1">
        <v>2851</v>
      </c>
      <c r="I89" s="1">
        <v>2309</v>
      </c>
      <c r="J89" s="1">
        <v>2201</v>
      </c>
      <c r="K89" s="1">
        <v>2181</v>
      </c>
      <c r="L89" s="2">
        <v>0.10235824223349525</v>
      </c>
      <c r="M89" s="2">
        <v>9.2129259150400586E-2</v>
      </c>
      <c r="N89" s="2">
        <v>0.1786308281046036</v>
      </c>
      <c r="O89" s="2">
        <v>0.17182032199091554</v>
      </c>
      <c r="P89" s="34" t="s">
        <v>310</v>
      </c>
      <c r="Q89" s="2">
        <v>0.28578424290699145</v>
      </c>
      <c r="R89" s="2">
        <v>1.9161763155531434E-3</v>
      </c>
      <c r="S89" s="19">
        <v>2901</v>
      </c>
      <c r="T89" s="18">
        <v>3140</v>
      </c>
      <c r="U89" s="18">
        <v>289</v>
      </c>
      <c r="V89" s="18">
        <v>620</v>
      </c>
    </row>
    <row r="90" spans="1:22" x14ac:dyDescent="0.25">
      <c r="A90" s="22">
        <v>5</v>
      </c>
      <c r="B90" s="23" t="s">
        <v>82</v>
      </c>
      <c r="C90" s="24">
        <v>2954</v>
      </c>
      <c r="D90" s="24">
        <v>3258</v>
      </c>
      <c r="E90" s="24">
        <v>3052</v>
      </c>
      <c r="F90" s="24">
        <v>3121</v>
      </c>
      <c r="G90" s="25">
        <v>-1.7779013944689077E-2</v>
      </c>
      <c r="H90" s="24">
        <v>2742</v>
      </c>
      <c r="I90" s="24">
        <v>3236</v>
      </c>
      <c r="J90" s="24">
        <v>3027</v>
      </c>
      <c r="K90" s="24">
        <v>3096</v>
      </c>
      <c r="L90" s="25">
        <v>-3.811935403671065E-2</v>
      </c>
      <c r="M90" s="25">
        <v>9.2001251848380622E-2</v>
      </c>
      <c r="N90" s="25">
        <v>9.2001251848380622E-2</v>
      </c>
      <c r="O90" s="25">
        <v>3.4836759233831401E-2</v>
      </c>
      <c r="P90" s="35">
        <v>0</v>
      </c>
      <c r="Q90" s="25">
        <v>0.29432776913690362</v>
      </c>
      <c r="R90" s="25">
        <v>2.9095167899049014E-2</v>
      </c>
      <c r="S90" s="26">
        <v>5096</v>
      </c>
      <c r="T90" s="27">
        <v>3020</v>
      </c>
      <c r="U90" s="27">
        <v>278</v>
      </c>
      <c r="V90" s="27">
        <v>278</v>
      </c>
    </row>
    <row r="91" spans="1:22" x14ac:dyDescent="0.25">
      <c r="A91" s="17">
        <v>5</v>
      </c>
      <c r="B91" s="16" t="s">
        <v>83</v>
      </c>
      <c r="C91" s="1">
        <v>4124</v>
      </c>
      <c r="D91" s="1">
        <v>4128</v>
      </c>
      <c r="E91" s="1">
        <v>3815</v>
      </c>
      <c r="F91" s="1">
        <v>3617</v>
      </c>
      <c r="G91" s="2">
        <v>4.6665079813989901E-2</v>
      </c>
      <c r="H91" s="1">
        <v>2574</v>
      </c>
      <c r="I91" s="1">
        <v>2882</v>
      </c>
      <c r="J91" s="1">
        <v>2090</v>
      </c>
      <c r="K91" s="1">
        <v>2015</v>
      </c>
      <c r="L91" s="2">
        <v>9.2481209972560166E-2</v>
      </c>
      <c r="M91" s="2">
        <v>0.42152449538515541</v>
      </c>
      <c r="N91" s="2">
        <v>0.42156232233824775</v>
      </c>
      <c r="O91" s="2">
        <v>0.39149843579341459</v>
      </c>
      <c r="P91" s="34">
        <v>2.445611473077211E-3</v>
      </c>
      <c r="Q91" s="2">
        <v>0.31471448488062786</v>
      </c>
      <c r="R91" s="2">
        <v>2.635041033151236E-2</v>
      </c>
      <c r="S91" s="19">
        <v>6809</v>
      </c>
      <c r="T91" s="18">
        <v>4450</v>
      </c>
      <c r="U91" s="18">
        <v>1876</v>
      </c>
      <c r="V91" s="18">
        <v>1876</v>
      </c>
    </row>
    <row r="92" spans="1:22" x14ac:dyDescent="0.25">
      <c r="A92" s="22">
        <v>5</v>
      </c>
      <c r="B92" s="23" t="s">
        <v>84</v>
      </c>
      <c r="C92" s="24">
        <v>5680</v>
      </c>
      <c r="D92" s="24">
        <v>6420</v>
      </c>
      <c r="E92" s="24">
        <v>5780</v>
      </c>
      <c r="F92" s="24">
        <v>4867</v>
      </c>
      <c r="G92" s="25">
        <v>5.5706819435994287E-2</v>
      </c>
      <c r="H92" s="24">
        <v>4143</v>
      </c>
      <c r="I92" s="24">
        <v>4706</v>
      </c>
      <c r="J92" s="24">
        <v>4550</v>
      </c>
      <c r="K92" s="24">
        <v>3878</v>
      </c>
      <c r="L92" s="25">
        <v>2.2821892084870159E-2</v>
      </c>
      <c r="M92" s="25">
        <v>0.27060000000000001</v>
      </c>
      <c r="N92" s="25">
        <v>0.27060000000000001</v>
      </c>
      <c r="O92" s="25">
        <v>0.25059999999999999</v>
      </c>
      <c r="P92" s="35">
        <v>1.4456842512393265E-3</v>
      </c>
      <c r="Q92" s="25">
        <v>0</v>
      </c>
      <c r="R92" s="25">
        <v>0.71701832476292471</v>
      </c>
      <c r="S92" s="26">
        <v>2730</v>
      </c>
      <c r="T92" s="27">
        <v>5680</v>
      </c>
      <c r="U92" s="27">
        <v>1537</v>
      </c>
      <c r="V92" s="27">
        <v>1537</v>
      </c>
    </row>
    <row r="93" spans="1:22" x14ac:dyDescent="0.25">
      <c r="A93" s="17">
        <v>5</v>
      </c>
      <c r="B93" s="16" t="s">
        <v>85</v>
      </c>
      <c r="C93" s="1">
        <v>2826</v>
      </c>
      <c r="D93" s="1">
        <v>3197</v>
      </c>
      <c r="E93" s="1">
        <v>3031</v>
      </c>
      <c r="F93" s="1">
        <v>2874</v>
      </c>
      <c r="G93" s="2">
        <v>-5.5332485597893609E-3</v>
      </c>
      <c r="H93" s="1">
        <v>2868</v>
      </c>
      <c r="I93" s="1">
        <v>2384</v>
      </c>
      <c r="J93" s="1">
        <v>2638</v>
      </c>
      <c r="K93" s="1">
        <v>3075</v>
      </c>
      <c r="L93" s="2">
        <v>-2.2446052181122528E-2</v>
      </c>
      <c r="M93" s="2">
        <v>-1.4849046548315934E-2</v>
      </c>
      <c r="N93" s="2">
        <v>-1.4849046548315934E-2</v>
      </c>
      <c r="O93" s="2">
        <v>0.1286097532770353</v>
      </c>
      <c r="P93" s="34">
        <v>0</v>
      </c>
      <c r="Q93" s="2">
        <v>0.2748239637233274</v>
      </c>
      <c r="R93" s="2">
        <v>2.019224031950876E-2</v>
      </c>
      <c r="S93" s="19">
        <v>4686</v>
      </c>
      <c r="T93" s="18">
        <v>2826</v>
      </c>
      <c r="U93" s="18">
        <v>-42</v>
      </c>
      <c r="V93" s="18">
        <v>-42</v>
      </c>
    </row>
    <row r="94" spans="1:22" x14ac:dyDescent="0.25">
      <c r="A94" s="22">
        <v>5</v>
      </c>
      <c r="B94" s="23" t="s">
        <v>86</v>
      </c>
      <c r="C94" s="24">
        <v>1123</v>
      </c>
      <c r="D94" s="24">
        <v>1177</v>
      </c>
      <c r="E94" s="24">
        <v>1163</v>
      </c>
      <c r="F94" s="24">
        <v>1284</v>
      </c>
      <c r="G94" s="25">
        <v>-4.163904604406473E-2</v>
      </c>
      <c r="H94" s="24">
        <v>1026</v>
      </c>
      <c r="I94" s="24">
        <v>1119</v>
      </c>
      <c r="J94" s="24">
        <v>1144</v>
      </c>
      <c r="K94" s="24">
        <v>1196</v>
      </c>
      <c r="L94" s="25">
        <v>-4.7312335049418626E-2</v>
      </c>
      <c r="M94" s="25">
        <v>8.6530253275995436E-2</v>
      </c>
      <c r="N94" s="25">
        <v>0.16091079018333876</v>
      </c>
      <c r="O94" s="25">
        <v>7.6851468820986091E-2</v>
      </c>
      <c r="P94" s="35">
        <v>9.9657949173691512E-4</v>
      </c>
      <c r="Q94" s="25">
        <v>0.28160876055613365</v>
      </c>
      <c r="R94" s="25">
        <v>0</v>
      </c>
      <c r="S94" s="26">
        <v>2080</v>
      </c>
      <c r="T94" s="27">
        <v>1123</v>
      </c>
      <c r="U94" s="27">
        <v>97</v>
      </c>
      <c r="V94" s="27">
        <v>197</v>
      </c>
    </row>
    <row r="95" spans="1:22" x14ac:dyDescent="0.25">
      <c r="A95" s="17">
        <v>5</v>
      </c>
      <c r="B95" s="16" t="s">
        <v>87</v>
      </c>
      <c r="C95" s="1">
        <v>3395</v>
      </c>
      <c r="D95" s="1">
        <v>3616</v>
      </c>
      <c r="E95" s="1">
        <v>3190</v>
      </c>
      <c r="F95" s="1">
        <v>3390</v>
      </c>
      <c r="G95" s="2">
        <v>5.0996968109292813E-4</v>
      </c>
      <c r="H95" s="1">
        <v>2839</v>
      </c>
      <c r="I95" s="1">
        <v>2840</v>
      </c>
      <c r="J95" s="1">
        <v>2534</v>
      </c>
      <c r="K95" s="1">
        <v>3044</v>
      </c>
      <c r="L95" s="2">
        <v>-2.2408082971567354E-2</v>
      </c>
      <c r="M95" s="2">
        <v>0.19500000000000001</v>
      </c>
      <c r="N95" s="2">
        <v>0.19500000000000001</v>
      </c>
      <c r="O95" s="2">
        <v>0.2051</v>
      </c>
      <c r="P95" s="34">
        <v>0</v>
      </c>
      <c r="Q95" s="2">
        <v>0.52388365761964806</v>
      </c>
      <c r="R95" s="2">
        <v>1.0488727564140337E-4</v>
      </c>
      <c r="S95" s="19">
        <v>2888</v>
      </c>
      <c r="T95" s="18">
        <v>3527</v>
      </c>
      <c r="U95" s="18">
        <v>688</v>
      </c>
      <c r="V95" s="18">
        <v>688</v>
      </c>
    </row>
    <row r="96" spans="1:22" x14ac:dyDescent="0.25">
      <c r="A96" s="22">
        <v>5</v>
      </c>
      <c r="B96" s="23" t="s">
        <v>88</v>
      </c>
      <c r="C96" s="24">
        <v>940</v>
      </c>
      <c r="D96" s="24">
        <v>1243</v>
      </c>
      <c r="E96" s="24">
        <v>1384</v>
      </c>
      <c r="F96" s="24">
        <v>1640</v>
      </c>
      <c r="G96" s="25">
        <v>-0.14234337405356909</v>
      </c>
      <c r="H96" s="24">
        <v>1422</v>
      </c>
      <c r="I96" s="24">
        <v>1978</v>
      </c>
      <c r="J96" s="24">
        <v>2460</v>
      </c>
      <c r="K96" s="24">
        <v>2117</v>
      </c>
      <c r="L96" s="25">
        <v>-0.1093799800200807</v>
      </c>
      <c r="M96" s="25">
        <v>-0.51359877054981495</v>
      </c>
      <c r="N96" s="25">
        <v>-0.51359877054981495</v>
      </c>
      <c r="O96" s="25">
        <v>-0.64314262193405403</v>
      </c>
      <c r="P96" s="35">
        <v>1.0827568939531551E-2</v>
      </c>
      <c r="Q96" s="25">
        <v>0.13521610630827569</v>
      </c>
      <c r="R96" s="25">
        <v>3.1735608610834104E-2</v>
      </c>
      <c r="S96" s="26">
        <v>543</v>
      </c>
      <c r="T96" s="27">
        <v>940</v>
      </c>
      <c r="U96" s="27">
        <v>-483</v>
      </c>
      <c r="V96" s="27">
        <v>-483</v>
      </c>
    </row>
    <row r="97" spans="1:22" x14ac:dyDescent="0.25">
      <c r="A97" s="17">
        <v>5</v>
      </c>
      <c r="B97" s="16" t="s">
        <v>89</v>
      </c>
      <c r="C97" s="1">
        <v>8389</v>
      </c>
      <c r="D97" s="1">
        <v>8425</v>
      </c>
      <c r="E97" s="1">
        <v>7667</v>
      </c>
      <c r="F97" s="1">
        <v>7935</v>
      </c>
      <c r="G97" s="2">
        <v>1.906276989968075E-2</v>
      </c>
      <c r="H97" s="1">
        <v>6707</v>
      </c>
      <c r="I97" s="1">
        <v>6545</v>
      </c>
      <c r="J97" s="1">
        <v>5825</v>
      </c>
      <c r="K97" s="1">
        <v>5984</v>
      </c>
      <c r="L97" s="2">
        <v>4.0258160752246606E-2</v>
      </c>
      <c r="M97" s="2">
        <v>0.20929896984756083</v>
      </c>
      <c r="N97" s="2">
        <v>0.20929896984756083</v>
      </c>
      <c r="O97" s="2">
        <v>0.22530505169654005</v>
      </c>
      <c r="P97" s="34">
        <v>4.2759629051937467E-3</v>
      </c>
      <c r="Q97" s="2">
        <v>0.19279847131841774</v>
      </c>
      <c r="R97" s="2">
        <v>1.972930785998242E-2</v>
      </c>
      <c r="S97" s="19">
        <v>3359</v>
      </c>
      <c r="T97" s="18">
        <v>8483</v>
      </c>
      <c r="U97" s="18">
        <v>1775</v>
      </c>
      <c r="V97" s="18">
        <v>1775</v>
      </c>
    </row>
    <row r="98" spans="1:22" x14ac:dyDescent="0.25">
      <c r="A98" s="22">
        <v>5</v>
      </c>
      <c r="B98" s="23" t="s">
        <v>90</v>
      </c>
      <c r="C98" s="24">
        <v>6770</v>
      </c>
      <c r="D98" s="24">
        <v>8839</v>
      </c>
      <c r="E98" s="24">
        <v>5983</v>
      </c>
      <c r="F98" s="24">
        <v>4664</v>
      </c>
      <c r="G98" s="25">
        <v>0.15052912718849679</v>
      </c>
      <c r="H98" s="24">
        <v>2645</v>
      </c>
      <c r="I98" s="24">
        <v>3162</v>
      </c>
      <c r="J98" s="24">
        <v>2882</v>
      </c>
      <c r="K98" s="24">
        <v>2496</v>
      </c>
      <c r="L98" s="25">
        <v>1.990102176893371E-2</v>
      </c>
      <c r="M98" s="25">
        <v>0.60933803632410455</v>
      </c>
      <c r="N98" s="25">
        <v>0.60933803632410455</v>
      </c>
      <c r="O98" s="25">
        <v>0.59758754008535764</v>
      </c>
      <c r="P98" s="35">
        <v>8.9620144330796927E-3</v>
      </c>
      <c r="Q98" s="25">
        <v>0.18320007456248086</v>
      </c>
      <c r="R98" s="25">
        <v>3.9599944521260276E-2</v>
      </c>
      <c r="S98" s="26">
        <v>3902</v>
      </c>
      <c r="T98" s="27">
        <v>6770</v>
      </c>
      <c r="U98" s="27">
        <v>4125</v>
      </c>
      <c r="V98" s="27">
        <v>4125</v>
      </c>
    </row>
    <row r="99" spans="1:22" x14ac:dyDescent="0.25">
      <c r="A99" s="17">
        <v>5</v>
      </c>
      <c r="B99" s="16" t="s">
        <v>91</v>
      </c>
      <c r="C99" s="1">
        <v>1969</v>
      </c>
      <c r="D99" s="1">
        <v>3132</v>
      </c>
      <c r="E99" s="1">
        <v>3144</v>
      </c>
      <c r="F99" s="1">
        <v>3090</v>
      </c>
      <c r="G99" s="2">
        <v>-0.12085923544758886</v>
      </c>
      <c r="H99" s="1">
        <v>3765</v>
      </c>
      <c r="I99" s="1">
        <v>3447</v>
      </c>
      <c r="J99" s="1">
        <v>3333</v>
      </c>
      <c r="K99" s="1">
        <v>3398</v>
      </c>
      <c r="L99" s="2">
        <v>3.5962766196408334E-2</v>
      </c>
      <c r="M99" s="2">
        <v>-0.79246508297435547</v>
      </c>
      <c r="N99" s="2">
        <v>-0.79476449873839039</v>
      </c>
      <c r="O99" s="2">
        <v>-0.27198045918691088</v>
      </c>
      <c r="P99" s="34">
        <v>5.3911666179640621E-3</v>
      </c>
      <c r="Q99" s="2">
        <v>0.52248013128685078</v>
      </c>
      <c r="R99" s="2">
        <v>8.9767181130764873E-3</v>
      </c>
      <c r="S99" s="19">
        <v>1231</v>
      </c>
      <c r="T99" s="18">
        <v>2100</v>
      </c>
      <c r="U99" s="18">
        <v>-1665</v>
      </c>
      <c r="V99" s="18">
        <v>-1667</v>
      </c>
    </row>
    <row r="100" spans="1:22" x14ac:dyDescent="0.25">
      <c r="A100" s="22">
        <v>5</v>
      </c>
      <c r="B100" s="23" t="s">
        <v>92</v>
      </c>
      <c r="C100" s="24">
        <v>3663</v>
      </c>
      <c r="D100" s="24">
        <v>3680</v>
      </c>
      <c r="E100" s="24">
        <v>4474</v>
      </c>
      <c r="F100" s="24">
        <v>4198</v>
      </c>
      <c r="G100" s="25">
        <v>-4.2477430493112256E-2</v>
      </c>
      <c r="H100" s="24">
        <v>3733</v>
      </c>
      <c r="I100" s="24">
        <v>3680</v>
      </c>
      <c r="J100" s="24">
        <v>4474</v>
      </c>
      <c r="K100" s="24">
        <v>4198</v>
      </c>
      <c r="L100" s="25">
        <v>-3.6935751657637135E-2</v>
      </c>
      <c r="M100" s="25">
        <v>0</v>
      </c>
      <c r="N100" s="25">
        <v>0</v>
      </c>
      <c r="O100" s="25">
        <v>1.034803121134474E-5</v>
      </c>
      <c r="P100" s="35">
        <v>0</v>
      </c>
      <c r="Q100" s="25">
        <v>0.19800007286880186</v>
      </c>
      <c r="R100" s="25">
        <v>6.6599941704958504E-2</v>
      </c>
      <c r="S100" s="26">
        <v>6735</v>
      </c>
      <c r="T100" s="27">
        <v>3733</v>
      </c>
      <c r="U100" s="27">
        <v>0</v>
      </c>
      <c r="V100" s="27">
        <v>0</v>
      </c>
    </row>
    <row r="101" spans="1:22" x14ac:dyDescent="0.25">
      <c r="A101" s="17">
        <v>5</v>
      </c>
      <c r="B101" s="16" t="s">
        <v>93</v>
      </c>
      <c r="C101" s="1">
        <v>2084</v>
      </c>
      <c r="D101" s="1">
        <v>2341</v>
      </c>
      <c r="E101" s="1">
        <v>2342</v>
      </c>
      <c r="F101" s="1">
        <v>3387</v>
      </c>
      <c r="G101" s="2">
        <v>-0.12823591596457215</v>
      </c>
      <c r="H101" s="1">
        <v>1372</v>
      </c>
      <c r="I101" s="1">
        <v>1475</v>
      </c>
      <c r="J101" s="1">
        <v>2249</v>
      </c>
      <c r="K101" s="1">
        <v>3169</v>
      </c>
      <c r="L101" s="2">
        <v>-0.18904198363336519</v>
      </c>
      <c r="M101" s="2">
        <v>0.34167709096562354</v>
      </c>
      <c r="N101" s="2">
        <v>0.34167709096562354</v>
      </c>
      <c r="O101" s="2">
        <v>0.24683732495963251</v>
      </c>
      <c r="P101" s="34">
        <v>0</v>
      </c>
      <c r="Q101" s="2">
        <v>0.2284238603926062</v>
      </c>
      <c r="R101" s="2">
        <v>1.346210041586835E-2</v>
      </c>
      <c r="S101" s="19">
        <v>4131</v>
      </c>
      <c r="T101" s="18">
        <v>2084</v>
      </c>
      <c r="U101" s="18">
        <v>712</v>
      </c>
      <c r="V101" s="18">
        <v>712</v>
      </c>
    </row>
    <row r="102" spans="1:22" x14ac:dyDescent="0.25">
      <c r="A102" s="22">
        <v>5</v>
      </c>
      <c r="B102" s="23" t="s">
        <v>94</v>
      </c>
      <c r="C102" s="24">
        <v>3209</v>
      </c>
      <c r="D102" s="24">
        <v>3961</v>
      </c>
      <c r="E102" s="24">
        <v>3841</v>
      </c>
      <c r="F102" s="24">
        <v>3913</v>
      </c>
      <c r="G102" s="25">
        <v>-5.9966848014501008E-2</v>
      </c>
      <c r="H102" s="24">
        <v>2769</v>
      </c>
      <c r="I102" s="24">
        <v>2950</v>
      </c>
      <c r="J102" s="24">
        <v>2691</v>
      </c>
      <c r="K102" s="24">
        <v>2811</v>
      </c>
      <c r="L102" s="25">
        <v>-4.9038373505663783E-3</v>
      </c>
      <c r="M102" s="25">
        <v>0.1370749951624769</v>
      </c>
      <c r="N102" s="25">
        <v>0.21095667628833317</v>
      </c>
      <c r="O102" s="25">
        <v>0.25650732746739907</v>
      </c>
      <c r="P102" s="35">
        <v>0</v>
      </c>
      <c r="Q102" s="25">
        <v>0.14000025550846651</v>
      </c>
      <c r="R102" s="25">
        <v>0</v>
      </c>
      <c r="S102" s="26">
        <v>3475</v>
      </c>
      <c r="T102" s="27">
        <v>3209</v>
      </c>
      <c r="U102" s="27">
        <v>440</v>
      </c>
      <c r="V102" s="27">
        <v>740</v>
      </c>
    </row>
    <row r="103" spans="1:22" x14ac:dyDescent="0.25">
      <c r="A103" s="17">
        <v>5</v>
      </c>
      <c r="B103" s="16" t="s">
        <v>95</v>
      </c>
      <c r="C103" s="1">
        <v>11583</v>
      </c>
      <c r="D103" s="1">
        <v>12812</v>
      </c>
      <c r="E103" s="1">
        <v>11574</v>
      </c>
      <c r="F103" s="1">
        <v>11558</v>
      </c>
      <c r="G103" s="2">
        <v>7.2775493629764982E-4</v>
      </c>
      <c r="H103" s="1">
        <v>10890</v>
      </c>
      <c r="I103" s="1">
        <v>12244</v>
      </c>
      <c r="J103" s="1">
        <v>10908</v>
      </c>
      <c r="K103" s="1">
        <v>10730</v>
      </c>
      <c r="L103" s="2">
        <v>4.9857419089336793E-3</v>
      </c>
      <c r="M103" s="2">
        <v>5.9805213674962797E-2</v>
      </c>
      <c r="N103" s="2">
        <v>5.9805213674962797E-2</v>
      </c>
      <c r="O103" s="2">
        <v>5.357186396085499E-2</v>
      </c>
      <c r="P103" s="34">
        <v>9.6841215610272927E-3</v>
      </c>
      <c r="Q103" s="2">
        <v>0.2293680341695922</v>
      </c>
      <c r="R103" s="2">
        <v>9.8336186157642724E-2</v>
      </c>
      <c r="S103" s="19">
        <v>7388</v>
      </c>
      <c r="T103" s="18">
        <v>11583</v>
      </c>
      <c r="U103" s="18">
        <v>693</v>
      </c>
      <c r="V103" s="18">
        <v>693</v>
      </c>
    </row>
    <row r="104" spans="1:22" x14ac:dyDescent="0.25">
      <c r="A104" s="22">
        <v>5</v>
      </c>
      <c r="B104" s="23" t="s">
        <v>96</v>
      </c>
      <c r="C104" s="24">
        <v>416</v>
      </c>
      <c r="D104" s="24">
        <v>508</v>
      </c>
      <c r="E104" s="24">
        <v>443</v>
      </c>
      <c r="F104" s="24">
        <v>431</v>
      </c>
      <c r="G104" s="25">
        <v>-1.1483066135833268E-2</v>
      </c>
      <c r="H104" s="24">
        <v>389</v>
      </c>
      <c r="I104" s="24">
        <v>358</v>
      </c>
      <c r="J104" s="24">
        <v>380</v>
      </c>
      <c r="K104" s="24">
        <v>361</v>
      </c>
      <c r="L104" s="25">
        <v>2.6287175675000971E-2</v>
      </c>
      <c r="M104" s="25">
        <v>6.4322434908957948E-2</v>
      </c>
      <c r="N104" s="25">
        <v>6.5855046845466406E-2</v>
      </c>
      <c r="O104" s="25">
        <v>0.17725432876096245</v>
      </c>
      <c r="P104" s="35">
        <v>3.3481597909260218E-2</v>
      </c>
      <c r="Q104" s="25">
        <v>0.29836391323279293</v>
      </c>
      <c r="R104" s="25">
        <v>0</v>
      </c>
      <c r="S104" s="26">
        <v>694</v>
      </c>
      <c r="T104" s="27">
        <v>416</v>
      </c>
      <c r="U104" s="27">
        <v>27</v>
      </c>
      <c r="V104" s="27">
        <v>27</v>
      </c>
    </row>
    <row r="105" spans="1:22" x14ac:dyDescent="0.25">
      <c r="A105" s="17">
        <v>5</v>
      </c>
      <c r="B105" s="16" t="s">
        <v>97</v>
      </c>
      <c r="C105" s="1">
        <v>387</v>
      </c>
      <c r="D105" s="1">
        <v>736</v>
      </c>
      <c r="E105" s="1">
        <v>1274</v>
      </c>
      <c r="F105" s="1">
        <v>1349</v>
      </c>
      <c r="G105" s="2">
        <v>-0.23776633109893305</v>
      </c>
      <c r="H105" s="1">
        <v>694</v>
      </c>
      <c r="I105" s="1">
        <v>372</v>
      </c>
      <c r="J105" s="1">
        <v>474</v>
      </c>
      <c r="K105" s="1">
        <v>784</v>
      </c>
      <c r="L105" s="2">
        <v>-3.8306102051015305E-2</v>
      </c>
      <c r="M105" s="2">
        <v>-0.79496918112809478</v>
      </c>
      <c r="N105" s="2">
        <v>-0.79496918112809478</v>
      </c>
      <c r="O105" s="2">
        <v>0.35733495883671368</v>
      </c>
      <c r="P105" s="34">
        <v>3.2255400288350531E-3</v>
      </c>
      <c r="Q105" s="2">
        <v>0.88617892923940567</v>
      </c>
      <c r="R105" s="2">
        <v>9.8496620249674496E-2</v>
      </c>
      <c r="S105" s="19">
        <v>2233</v>
      </c>
      <c r="T105" s="18">
        <v>387</v>
      </c>
      <c r="U105" s="18">
        <v>-307</v>
      </c>
      <c r="V105" s="18">
        <v>-307</v>
      </c>
    </row>
    <row r="106" spans="1:22" x14ac:dyDescent="0.25">
      <c r="A106" s="22">
        <v>5</v>
      </c>
      <c r="B106" s="23" t="s">
        <v>98</v>
      </c>
      <c r="C106" s="24">
        <v>2561</v>
      </c>
      <c r="D106" s="24">
        <v>3299</v>
      </c>
      <c r="E106" s="24">
        <v>3760</v>
      </c>
      <c r="F106" s="24">
        <v>3305</v>
      </c>
      <c r="G106" s="25">
        <v>-7.5021913097360712E-2</v>
      </c>
      <c r="H106" s="24">
        <v>5002</v>
      </c>
      <c r="I106" s="24">
        <v>4846</v>
      </c>
      <c r="J106" s="24">
        <v>2445</v>
      </c>
      <c r="K106" s="24">
        <v>2336</v>
      </c>
      <c r="L106" s="25">
        <v>0.38044704336230722</v>
      </c>
      <c r="M106" s="25">
        <v>-0.95304337437081155</v>
      </c>
      <c r="N106" s="25">
        <v>-0.95304337437081155</v>
      </c>
      <c r="O106" s="25">
        <v>-0.27675212826572437</v>
      </c>
      <c r="P106" s="35">
        <v>2.1380165040043937E-3</v>
      </c>
      <c r="Q106" s="25">
        <v>0.75322890979199109</v>
      </c>
      <c r="R106" s="25">
        <v>1.1196547292010577E-2</v>
      </c>
      <c r="S106" s="26">
        <v>2209</v>
      </c>
      <c r="T106" s="27">
        <v>2561</v>
      </c>
      <c r="U106" s="27">
        <v>-2441</v>
      </c>
      <c r="V106" s="27">
        <v>-2441</v>
      </c>
    </row>
    <row r="107" spans="1:22" x14ac:dyDescent="0.25">
      <c r="A107" s="17">
        <v>5</v>
      </c>
      <c r="B107" s="16" t="s">
        <v>99</v>
      </c>
      <c r="C107" s="1">
        <v>451</v>
      </c>
      <c r="D107" s="1">
        <v>3450</v>
      </c>
      <c r="E107" s="1">
        <v>3203</v>
      </c>
      <c r="F107" s="1">
        <v>3539</v>
      </c>
      <c r="G107" s="2">
        <v>-0.29082383797195205</v>
      </c>
      <c r="H107" s="1">
        <v>1153</v>
      </c>
      <c r="I107" s="1">
        <v>323</v>
      </c>
      <c r="J107" s="1">
        <v>1742</v>
      </c>
      <c r="K107" s="1">
        <v>1594</v>
      </c>
      <c r="L107" s="2">
        <v>-9.2191064416213428E-2</v>
      </c>
      <c r="M107" s="2">
        <v>-1.5555722951625981</v>
      </c>
      <c r="N107" s="2">
        <v>-1.5555722951625981</v>
      </c>
      <c r="O107" s="2">
        <v>0.5468441703530853</v>
      </c>
      <c r="P107" s="34">
        <v>1.2217346367405938E-2</v>
      </c>
      <c r="Q107" s="2">
        <v>0.21264169170366826</v>
      </c>
      <c r="R107" s="2">
        <v>1.5277002295427757E-2</v>
      </c>
      <c r="S107" s="19">
        <v>876</v>
      </c>
      <c r="T107" s="18">
        <v>451</v>
      </c>
      <c r="U107" s="18">
        <v>-702</v>
      </c>
      <c r="V107" s="18">
        <v>-702</v>
      </c>
    </row>
    <row r="108" spans="1:22" x14ac:dyDescent="0.25">
      <c r="A108" s="22">
        <v>5</v>
      </c>
      <c r="B108" s="23" t="s">
        <v>100</v>
      </c>
      <c r="C108" s="24">
        <v>662</v>
      </c>
      <c r="D108" s="24">
        <v>5087</v>
      </c>
      <c r="E108" s="24">
        <v>5746</v>
      </c>
      <c r="F108" s="24">
        <v>4831</v>
      </c>
      <c r="G108" s="25">
        <v>-0.28765807701404761</v>
      </c>
      <c r="H108" s="24">
        <v>478</v>
      </c>
      <c r="I108" s="24">
        <v>478</v>
      </c>
      <c r="J108" s="24">
        <v>3371</v>
      </c>
      <c r="K108" s="24">
        <v>2696</v>
      </c>
      <c r="L108" s="25">
        <v>-0.27424311495275694</v>
      </c>
      <c r="M108" s="25">
        <v>0.27805849999169163</v>
      </c>
      <c r="N108" s="25">
        <v>0.27805849999169163</v>
      </c>
      <c r="O108" s="25">
        <v>0.62360190682583272</v>
      </c>
      <c r="P108" s="35">
        <v>5.0556381506790239E-2</v>
      </c>
      <c r="Q108" s="25">
        <v>0.46770616812490934</v>
      </c>
      <c r="R108" s="25">
        <v>0.12729914922415042</v>
      </c>
      <c r="S108" s="26">
        <v>274</v>
      </c>
      <c r="T108" s="27">
        <v>662</v>
      </c>
      <c r="U108" s="27">
        <v>184</v>
      </c>
      <c r="V108" s="27">
        <v>184</v>
      </c>
    </row>
    <row r="109" spans="1:22" x14ac:dyDescent="0.25">
      <c r="A109" s="17">
        <v>5</v>
      </c>
      <c r="B109" s="16" t="s">
        <v>101</v>
      </c>
      <c r="C109" s="1">
        <v>3059</v>
      </c>
      <c r="D109" s="1">
        <v>3765</v>
      </c>
      <c r="E109" s="1">
        <v>4078</v>
      </c>
      <c r="F109" s="1">
        <v>2759</v>
      </c>
      <c r="G109" s="2">
        <v>3.6190134498812539E-2</v>
      </c>
      <c r="H109" s="1">
        <v>1546</v>
      </c>
      <c r="I109" s="1">
        <v>1827</v>
      </c>
      <c r="J109" s="1">
        <v>1831</v>
      </c>
      <c r="K109" s="1">
        <v>1383</v>
      </c>
      <c r="L109" s="2">
        <v>3.9337965128736101E-2</v>
      </c>
      <c r="M109" s="2">
        <v>0.4945130169759922</v>
      </c>
      <c r="N109" s="2">
        <v>0.49492183914578847</v>
      </c>
      <c r="O109" s="2">
        <v>0.52299043389830879</v>
      </c>
      <c r="P109" s="34">
        <v>9.9090020666784146E-3</v>
      </c>
      <c r="Q109" s="2">
        <v>0.21827499283254773</v>
      </c>
      <c r="R109" s="2">
        <v>2.4550771551311274E-4</v>
      </c>
      <c r="S109" s="19">
        <v>4223</v>
      </c>
      <c r="T109" s="18">
        <v>3059</v>
      </c>
      <c r="U109" s="18">
        <v>1513</v>
      </c>
      <c r="V109" s="18">
        <v>1515</v>
      </c>
    </row>
    <row r="110" spans="1:22" x14ac:dyDescent="0.25">
      <c r="A110" s="22">
        <v>5</v>
      </c>
      <c r="B110" s="23" t="s">
        <v>102</v>
      </c>
      <c r="C110" s="24">
        <v>8088</v>
      </c>
      <c r="D110" s="24">
        <v>7164</v>
      </c>
      <c r="E110" s="24">
        <v>3599</v>
      </c>
      <c r="F110" s="24">
        <v>3456</v>
      </c>
      <c r="G110" s="25">
        <v>0.44679929765324622</v>
      </c>
      <c r="H110" s="24">
        <v>4150</v>
      </c>
      <c r="I110" s="24">
        <v>3428</v>
      </c>
      <c r="J110" s="24">
        <v>1808</v>
      </c>
      <c r="K110" s="24">
        <v>1670</v>
      </c>
      <c r="L110" s="25">
        <v>0.4948170242522793</v>
      </c>
      <c r="M110" s="25">
        <v>0.48690372165893897</v>
      </c>
      <c r="N110" s="25">
        <v>0.53053026972466399</v>
      </c>
      <c r="O110" s="25">
        <v>0.518579516264845</v>
      </c>
      <c r="P110" s="35">
        <v>1.4317440232450513E-2</v>
      </c>
      <c r="Q110" s="25">
        <v>0.24085974546475636</v>
      </c>
      <c r="R110" s="25">
        <v>2.4840487348352783E-4</v>
      </c>
      <c r="S110" s="26">
        <v>11382</v>
      </c>
      <c r="T110" s="27">
        <v>8088</v>
      </c>
      <c r="U110" s="27">
        <v>3938</v>
      </c>
      <c r="V110" s="27">
        <v>4689</v>
      </c>
    </row>
    <row r="111" spans="1:22" x14ac:dyDescent="0.25">
      <c r="A111" s="17">
        <v>5</v>
      </c>
      <c r="B111" s="16" t="s">
        <v>103</v>
      </c>
      <c r="C111" s="1">
        <v>1822</v>
      </c>
      <c r="D111" s="1">
        <v>1203</v>
      </c>
      <c r="E111" s="1">
        <v>2919</v>
      </c>
      <c r="F111" s="1">
        <v>3674</v>
      </c>
      <c r="G111" s="2">
        <v>-0.16803552163210048</v>
      </c>
      <c r="H111" s="1">
        <v>5349</v>
      </c>
      <c r="I111" s="1">
        <v>1319</v>
      </c>
      <c r="J111" s="1">
        <v>2405</v>
      </c>
      <c r="K111" s="1">
        <v>2647</v>
      </c>
      <c r="L111" s="2">
        <v>0.34015434087812069</v>
      </c>
      <c r="M111" s="2">
        <v>-1.9079451205754347</v>
      </c>
      <c r="N111" s="2">
        <v>-1.9079451205754347</v>
      </c>
      <c r="O111" s="2">
        <v>-0.52089528770183857</v>
      </c>
      <c r="P111" s="34">
        <v>0.99044475519000663</v>
      </c>
      <c r="Q111" s="2">
        <v>0.16928287605336367</v>
      </c>
      <c r="R111" s="2">
        <v>9.2013501395437569E-2</v>
      </c>
      <c r="S111" s="19">
        <v>295</v>
      </c>
      <c r="T111" s="18">
        <v>1839</v>
      </c>
      <c r="U111" s="18">
        <v>-3509</v>
      </c>
      <c r="V111" s="18">
        <v>-3509</v>
      </c>
    </row>
    <row r="112" spans="1:22" x14ac:dyDescent="0.25">
      <c r="A112" s="22">
        <v>5</v>
      </c>
      <c r="B112" s="23" t="s">
        <v>104</v>
      </c>
      <c r="C112" s="24">
        <v>11988</v>
      </c>
      <c r="D112" s="24">
        <v>12704</v>
      </c>
      <c r="E112" s="24">
        <v>10758</v>
      </c>
      <c r="F112" s="24">
        <v>11047</v>
      </c>
      <c r="G112" s="25">
        <v>2.8400000000000002E-2</v>
      </c>
      <c r="H112" s="24">
        <v>6973</v>
      </c>
      <c r="I112" s="24">
        <v>7502</v>
      </c>
      <c r="J112" s="24">
        <v>6828</v>
      </c>
      <c r="K112" s="24">
        <v>7014</v>
      </c>
      <c r="L112" s="25">
        <v>-1.9E-3</v>
      </c>
      <c r="M112" s="25">
        <v>0.41830000000000001</v>
      </c>
      <c r="N112" s="25">
        <v>0.45650000000000002</v>
      </c>
      <c r="O112" s="25">
        <v>0.41349999999999998</v>
      </c>
      <c r="P112" s="35">
        <v>6.0999999999999999E-2</v>
      </c>
      <c r="Q112" s="30" t="s">
        <v>310</v>
      </c>
      <c r="R112" s="30" t="s">
        <v>310</v>
      </c>
      <c r="S112" s="30" t="s">
        <v>310</v>
      </c>
      <c r="T112" s="27">
        <v>11988</v>
      </c>
      <c r="U112" s="27">
        <v>5015</v>
      </c>
      <c r="V112" s="27">
        <v>5857</v>
      </c>
    </row>
    <row r="113" spans="1:22" x14ac:dyDescent="0.25">
      <c r="A113" s="17">
        <v>5</v>
      </c>
      <c r="B113" s="16" t="s">
        <v>105</v>
      </c>
      <c r="C113" s="1">
        <v>5224</v>
      </c>
      <c r="D113" s="1">
        <v>4822</v>
      </c>
      <c r="E113" s="1">
        <v>4068</v>
      </c>
      <c r="F113" s="1">
        <v>2821</v>
      </c>
      <c r="G113" s="2">
        <v>0.2838</v>
      </c>
      <c r="H113" s="1">
        <v>4400</v>
      </c>
      <c r="I113" s="1">
        <v>4430</v>
      </c>
      <c r="J113" s="1">
        <v>4226</v>
      </c>
      <c r="K113" s="1">
        <v>3534</v>
      </c>
      <c r="L113" s="2">
        <v>8.1799999999999998E-2</v>
      </c>
      <c r="M113" s="2">
        <v>0.15770000000000001</v>
      </c>
      <c r="N113" s="2">
        <v>0.18260000000000001</v>
      </c>
      <c r="O113" s="2">
        <v>7.2400000000000006E-2</v>
      </c>
      <c r="P113" s="34">
        <v>1.4500000000000001E-2</v>
      </c>
      <c r="Q113" s="2">
        <v>0.1255484342764317</v>
      </c>
      <c r="R113" s="2">
        <v>4.394094607091216E-2</v>
      </c>
      <c r="S113" s="19">
        <v>1789</v>
      </c>
      <c r="T113" s="18">
        <v>5224</v>
      </c>
      <c r="U113" s="18">
        <v>824</v>
      </c>
      <c r="V113" s="18">
        <v>983</v>
      </c>
    </row>
    <row r="114" spans="1:22" x14ac:dyDescent="0.25">
      <c r="A114" s="22">
        <v>5</v>
      </c>
      <c r="B114" s="23" t="s">
        <v>106</v>
      </c>
      <c r="C114" s="24">
        <v>4237</v>
      </c>
      <c r="D114" s="24">
        <v>5321</v>
      </c>
      <c r="E114" s="24">
        <v>4989</v>
      </c>
      <c r="F114" s="24">
        <v>4685</v>
      </c>
      <c r="G114" s="25">
        <v>-3.1857609889435479E-2</v>
      </c>
      <c r="H114" s="24">
        <v>3620</v>
      </c>
      <c r="I114" s="24">
        <v>4289</v>
      </c>
      <c r="J114" s="24">
        <v>4171</v>
      </c>
      <c r="K114" s="24">
        <v>3970</v>
      </c>
      <c r="L114" s="25">
        <v>-2.9409868320638563E-2</v>
      </c>
      <c r="M114" s="25">
        <v>0.14557427349166543</v>
      </c>
      <c r="N114" s="25">
        <v>0.14557427349166543</v>
      </c>
      <c r="O114" s="25">
        <v>0.16980849386448696</v>
      </c>
      <c r="P114" s="35">
        <v>0</v>
      </c>
      <c r="Q114" s="25">
        <v>0.4288834834591016</v>
      </c>
      <c r="R114" s="25">
        <v>4.8444472976889662E-2</v>
      </c>
      <c r="S114" s="26">
        <v>3715</v>
      </c>
      <c r="T114" s="27">
        <v>4237</v>
      </c>
      <c r="U114" s="27">
        <v>617</v>
      </c>
      <c r="V114" s="27">
        <v>617</v>
      </c>
    </row>
    <row r="115" spans="1:22" x14ac:dyDescent="0.25">
      <c r="A115" s="17">
        <v>5</v>
      </c>
      <c r="B115" s="16" t="s">
        <v>107</v>
      </c>
      <c r="C115" s="1">
        <v>1636</v>
      </c>
      <c r="D115" s="1">
        <v>1752</v>
      </c>
      <c r="E115" s="1">
        <v>1771</v>
      </c>
      <c r="F115" s="1">
        <v>1999</v>
      </c>
      <c r="G115" s="2">
        <v>-6.0525887882964806E-2</v>
      </c>
      <c r="H115" s="1">
        <v>1601</v>
      </c>
      <c r="I115" s="1">
        <v>1727</v>
      </c>
      <c r="J115" s="1">
        <v>1686</v>
      </c>
      <c r="K115" s="1">
        <v>1993</v>
      </c>
      <c r="L115" s="2">
        <v>-6.5491254653648162E-2</v>
      </c>
      <c r="M115" s="2">
        <v>2.0978815779258135E-2</v>
      </c>
      <c r="N115" s="2">
        <v>2.0978815779258135E-2</v>
      </c>
      <c r="O115" s="2">
        <v>2.6920543770649782E-2</v>
      </c>
      <c r="P115" s="34">
        <v>0</v>
      </c>
      <c r="Q115" s="2">
        <v>0.48992201335988111</v>
      </c>
      <c r="R115" s="2">
        <v>1.1454383286882875E-2</v>
      </c>
      <c r="S115" s="19">
        <v>1386</v>
      </c>
      <c r="T115" s="18">
        <v>1636</v>
      </c>
      <c r="U115" s="18">
        <v>34</v>
      </c>
      <c r="V115" s="18">
        <v>34</v>
      </c>
    </row>
    <row r="116" spans="1:22" x14ac:dyDescent="0.25">
      <c r="A116" s="22">
        <v>5</v>
      </c>
      <c r="B116" s="23" t="s">
        <v>108</v>
      </c>
      <c r="C116" s="24">
        <v>21300</v>
      </c>
      <c r="D116" s="24">
        <v>23156</v>
      </c>
      <c r="E116" s="24">
        <v>19261</v>
      </c>
      <c r="F116" s="24">
        <v>20803</v>
      </c>
      <c r="G116" s="25">
        <v>7.9553213743777853E-3</v>
      </c>
      <c r="H116" s="24">
        <v>14026</v>
      </c>
      <c r="I116" s="24">
        <v>14800</v>
      </c>
      <c r="J116" s="24">
        <v>15362</v>
      </c>
      <c r="K116" s="24">
        <v>14031</v>
      </c>
      <c r="L116" s="25">
        <v>-1.2232382773374572E-4</v>
      </c>
      <c r="M116" s="25">
        <v>0.341498841582974</v>
      </c>
      <c r="N116" s="25">
        <v>0.341498841582974</v>
      </c>
      <c r="O116" s="25">
        <v>0.30644753188104729</v>
      </c>
      <c r="P116" s="35">
        <v>0</v>
      </c>
      <c r="Q116" s="25">
        <v>0.25937995646730638</v>
      </c>
      <c r="R116" s="25">
        <v>1.0605662963751067E-2</v>
      </c>
      <c r="S116" s="26">
        <v>3192</v>
      </c>
      <c r="T116" s="27">
        <v>21300</v>
      </c>
      <c r="U116" s="27">
        <v>7274</v>
      </c>
      <c r="V116" s="27">
        <v>7274</v>
      </c>
    </row>
    <row r="117" spans="1:22" x14ac:dyDescent="0.25">
      <c r="A117" s="17">
        <v>5</v>
      </c>
      <c r="B117" s="16" t="s">
        <v>109</v>
      </c>
      <c r="C117" s="1">
        <v>4483</v>
      </c>
      <c r="D117" s="1">
        <v>4024</v>
      </c>
      <c r="E117" s="1">
        <v>3541</v>
      </c>
      <c r="F117" s="1">
        <v>3315</v>
      </c>
      <c r="G117" s="2">
        <v>0.11735853146428495</v>
      </c>
      <c r="H117" s="1">
        <v>2845</v>
      </c>
      <c r="I117" s="1">
        <v>3258</v>
      </c>
      <c r="J117" s="1">
        <v>2853</v>
      </c>
      <c r="K117" s="1">
        <v>2768</v>
      </c>
      <c r="L117" s="2">
        <v>9.2987664990061038E-3</v>
      </c>
      <c r="M117" s="2">
        <v>0.36532579635204454</v>
      </c>
      <c r="N117" s="2">
        <v>0.37623230551135389</v>
      </c>
      <c r="O117" s="2">
        <v>0.26222539110978754</v>
      </c>
      <c r="P117" s="34">
        <v>9.7147097382355272E-4</v>
      </c>
      <c r="Q117" s="2">
        <v>0.53772822521978159</v>
      </c>
      <c r="R117" s="2">
        <v>1.7485289831158202E-2</v>
      </c>
      <c r="S117" s="19">
        <v>4451</v>
      </c>
      <c r="T117" s="18">
        <v>4483</v>
      </c>
      <c r="U117" s="18">
        <v>1638</v>
      </c>
      <c r="V117" s="18">
        <v>1716</v>
      </c>
    </row>
    <row r="118" spans="1:22" x14ac:dyDescent="0.25">
      <c r="A118" s="22">
        <v>5</v>
      </c>
      <c r="B118" s="23" t="s">
        <v>110</v>
      </c>
      <c r="C118" s="24">
        <v>4742</v>
      </c>
      <c r="D118" s="24">
        <v>4981</v>
      </c>
      <c r="E118" s="24">
        <v>5069</v>
      </c>
      <c r="F118" s="24">
        <v>5245</v>
      </c>
      <c r="G118" s="25">
        <v>-3.198623253130075E-2</v>
      </c>
      <c r="H118" s="24">
        <v>2932</v>
      </c>
      <c r="I118" s="24">
        <v>2979</v>
      </c>
      <c r="J118" s="24">
        <v>3051</v>
      </c>
      <c r="K118" s="24">
        <v>2963</v>
      </c>
      <c r="L118" s="25">
        <v>-3.3919538480043266E-3</v>
      </c>
      <c r="M118" s="25">
        <v>0.39431597593585649</v>
      </c>
      <c r="N118" s="25">
        <v>0.39180273398448745</v>
      </c>
      <c r="O118" s="25">
        <v>0.3970205347885733</v>
      </c>
      <c r="P118" s="35">
        <v>5.1023991339410818E-4</v>
      </c>
      <c r="Q118" s="25">
        <v>0.321806819047883</v>
      </c>
      <c r="R118" s="25">
        <v>5.273734217412291E-2</v>
      </c>
      <c r="S118" s="26">
        <v>3738</v>
      </c>
      <c r="T118" s="27">
        <v>4841</v>
      </c>
      <c r="U118" s="27">
        <v>1909</v>
      </c>
      <c r="V118" s="27">
        <v>1889</v>
      </c>
    </row>
    <row r="119" spans="1:22" x14ac:dyDescent="0.25">
      <c r="A119" s="17">
        <v>5</v>
      </c>
      <c r="B119" s="16" t="s">
        <v>111</v>
      </c>
      <c r="C119" s="1">
        <v>23348</v>
      </c>
      <c r="D119" s="1">
        <v>28314</v>
      </c>
      <c r="E119" s="1">
        <v>25386</v>
      </c>
      <c r="F119" s="1">
        <v>23941</v>
      </c>
      <c r="G119" s="2">
        <v>-8.2582188101563252E-3</v>
      </c>
      <c r="H119" s="1">
        <v>16027</v>
      </c>
      <c r="I119" s="1">
        <v>16823</v>
      </c>
      <c r="J119" s="1">
        <v>15083</v>
      </c>
      <c r="K119" s="1">
        <v>14345</v>
      </c>
      <c r="L119" s="2">
        <v>3.9085109674680124E-2</v>
      </c>
      <c r="M119" s="2">
        <v>0.33008375518425309</v>
      </c>
      <c r="N119" s="2">
        <v>0.33008375518425309</v>
      </c>
      <c r="O119" s="2">
        <v>0.38189148880561274</v>
      </c>
      <c r="P119" s="34">
        <v>1.0939782980897492E-2</v>
      </c>
      <c r="Q119" s="2">
        <v>0.27569778915532422</v>
      </c>
      <c r="R119" s="2">
        <v>1.4964137184100069E-2</v>
      </c>
      <c r="S119" s="19">
        <v>9856</v>
      </c>
      <c r="T119" s="18">
        <v>23924</v>
      </c>
      <c r="U119" s="18">
        <v>7897</v>
      </c>
      <c r="V119" s="18">
        <v>7897</v>
      </c>
    </row>
    <row r="120" spans="1:22" x14ac:dyDescent="0.25">
      <c r="A120" s="22">
        <v>5</v>
      </c>
      <c r="B120" s="23" t="s">
        <v>112</v>
      </c>
      <c r="C120" s="24">
        <v>8986</v>
      </c>
      <c r="D120" s="24">
        <v>9687</v>
      </c>
      <c r="E120" s="24">
        <v>10204</v>
      </c>
      <c r="F120" s="24">
        <v>10114</v>
      </c>
      <c r="G120" s="25">
        <v>-3.7167382217543947E-2</v>
      </c>
      <c r="H120" s="24">
        <v>8741</v>
      </c>
      <c r="I120" s="24">
        <v>8894</v>
      </c>
      <c r="J120" s="24">
        <v>8380</v>
      </c>
      <c r="K120" s="24">
        <v>7935</v>
      </c>
      <c r="L120" s="25">
        <v>3.3869772128824957E-2</v>
      </c>
      <c r="M120" s="25">
        <v>2.7262127140762812E-2</v>
      </c>
      <c r="N120" s="25">
        <v>7.0077014640898883E-2</v>
      </c>
      <c r="O120" s="25">
        <v>0.12991594552141222</v>
      </c>
      <c r="P120" s="35">
        <v>1.9250350909834148E-4</v>
      </c>
      <c r="Q120" s="25">
        <v>0.27148697230832369</v>
      </c>
      <c r="R120" s="25">
        <v>0.10909713886879009</v>
      </c>
      <c r="S120" s="26">
        <v>4930</v>
      </c>
      <c r="T120" s="27">
        <v>8986</v>
      </c>
      <c r="U120" s="27">
        <v>245</v>
      </c>
      <c r="V120" s="27">
        <v>659</v>
      </c>
    </row>
    <row r="121" spans="1:22" x14ac:dyDescent="0.25">
      <c r="A121" s="17">
        <v>5</v>
      </c>
      <c r="B121" s="16" t="s">
        <v>113</v>
      </c>
      <c r="C121" s="1">
        <v>6400</v>
      </c>
      <c r="D121" s="1">
        <v>8408</v>
      </c>
      <c r="E121" s="1">
        <v>8056</v>
      </c>
      <c r="F121" s="1">
        <v>7509</v>
      </c>
      <c r="G121" s="2">
        <v>-4.922189022765399E-2</v>
      </c>
      <c r="H121" s="1">
        <v>6322</v>
      </c>
      <c r="I121" s="1">
        <v>6871</v>
      </c>
      <c r="J121" s="1">
        <v>6542</v>
      </c>
      <c r="K121" s="1">
        <v>6553</v>
      </c>
      <c r="L121" s="2">
        <v>-1.1717864764990314E-2</v>
      </c>
      <c r="M121" s="2">
        <v>7.2059289952448327E-2</v>
      </c>
      <c r="N121" s="2">
        <v>7.2059289952448327E-2</v>
      </c>
      <c r="O121" s="2">
        <v>0.15119949596770291</v>
      </c>
      <c r="P121" s="34">
        <v>4.5245248040625666E-4</v>
      </c>
      <c r="Q121" s="2">
        <v>0.20673203527155531</v>
      </c>
      <c r="R121" s="2">
        <v>2.5149586699470647E-3</v>
      </c>
      <c r="S121" s="19">
        <v>3978</v>
      </c>
      <c r="T121" s="18">
        <v>6813</v>
      </c>
      <c r="U121" s="18">
        <v>491</v>
      </c>
      <c r="V121" s="18">
        <v>491</v>
      </c>
    </row>
    <row r="122" spans="1:22" x14ac:dyDescent="0.25">
      <c r="A122" s="22">
        <v>5</v>
      </c>
      <c r="B122" s="23" t="s">
        <v>114</v>
      </c>
      <c r="C122" s="24">
        <v>6010</v>
      </c>
      <c r="D122" s="24">
        <v>5394</v>
      </c>
      <c r="E122" s="29" t="s">
        <v>61</v>
      </c>
      <c r="F122" s="29" t="s">
        <v>61</v>
      </c>
      <c r="G122" s="29" t="s">
        <v>61</v>
      </c>
      <c r="H122" s="24">
        <v>4608</v>
      </c>
      <c r="I122" s="24">
        <v>4623</v>
      </c>
      <c r="J122" s="29" t="s">
        <v>61</v>
      </c>
      <c r="K122" s="29" t="s">
        <v>61</v>
      </c>
      <c r="L122" s="29" t="s">
        <v>61</v>
      </c>
      <c r="M122" s="25">
        <v>0.23321204283526911</v>
      </c>
      <c r="N122" s="25">
        <v>0.26927359507801596</v>
      </c>
      <c r="O122" s="29" t="s">
        <v>61</v>
      </c>
      <c r="P122" s="35">
        <v>0</v>
      </c>
      <c r="Q122" s="25">
        <v>0.48682954247835292</v>
      </c>
      <c r="R122" s="25">
        <v>2.09657070917669E-5</v>
      </c>
      <c r="S122" s="26">
        <v>5674</v>
      </c>
      <c r="T122" s="27">
        <v>6010</v>
      </c>
      <c r="U122" s="27">
        <v>1402</v>
      </c>
      <c r="V122" s="27">
        <v>1698</v>
      </c>
    </row>
    <row r="123" spans="1:22" x14ac:dyDescent="0.25">
      <c r="A123" s="17">
        <v>5</v>
      </c>
      <c r="B123" s="16" t="s">
        <v>115</v>
      </c>
      <c r="C123" s="1">
        <v>5351</v>
      </c>
      <c r="D123" s="1">
        <v>5164</v>
      </c>
      <c r="E123" s="1">
        <v>4161</v>
      </c>
      <c r="F123" s="1">
        <v>3758</v>
      </c>
      <c r="G123" s="2">
        <v>0.14121762408435898</v>
      </c>
      <c r="H123" s="1">
        <v>7840</v>
      </c>
      <c r="I123" s="1">
        <v>6898</v>
      </c>
      <c r="J123" s="1">
        <v>3663</v>
      </c>
      <c r="K123" s="1">
        <v>3152</v>
      </c>
      <c r="L123" s="2">
        <v>0.49584380948029422</v>
      </c>
      <c r="M123" s="2">
        <v>-0.43728655332710975</v>
      </c>
      <c r="N123" s="2">
        <v>-0.43728655332710975</v>
      </c>
      <c r="O123" s="2">
        <v>-0.19140515838123642</v>
      </c>
      <c r="P123" s="34">
        <v>8.2821250157058043E-3</v>
      </c>
      <c r="Q123" s="2">
        <v>0.45447375426343345</v>
      </c>
      <c r="R123" s="2">
        <v>4.5980180855378031E-3</v>
      </c>
      <c r="S123" s="19">
        <v>3493</v>
      </c>
      <c r="T123" s="18">
        <v>5455</v>
      </c>
      <c r="U123" s="18">
        <v>-2385</v>
      </c>
      <c r="V123" s="18">
        <v>-2385</v>
      </c>
    </row>
    <row r="124" spans="1:22" x14ac:dyDescent="0.25">
      <c r="A124" s="22">
        <v>5</v>
      </c>
      <c r="B124" s="23" t="s">
        <v>116</v>
      </c>
      <c r="C124" s="24">
        <v>2430</v>
      </c>
      <c r="D124" s="24">
        <v>3396</v>
      </c>
      <c r="E124" s="24">
        <v>3670</v>
      </c>
      <c r="F124" s="24">
        <v>3472</v>
      </c>
      <c r="G124" s="25">
        <v>-0.10002790769206843</v>
      </c>
      <c r="H124" s="24">
        <v>2109</v>
      </c>
      <c r="I124" s="24">
        <v>2258</v>
      </c>
      <c r="J124" s="24">
        <v>2242</v>
      </c>
      <c r="K124" s="24">
        <v>842</v>
      </c>
      <c r="L124" s="25">
        <v>0.50131764191953121</v>
      </c>
      <c r="M124" s="25">
        <v>0.1320278558913548</v>
      </c>
      <c r="N124" s="25">
        <v>0.1320278558913548</v>
      </c>
      <c r="O124" s="25">
        <v>0.30400651649316207</v>
      </c>
      <c r="P124" s="35">
        <v>1.2279464591179894E-2</v>
      </c>
      <c r="Q124" s="25">
        <v>0.33080882822099777</v>
      </c>
      <c r="R124" s="25">
        <v>3.4462005841297022E-2</v>
      </c>
      <c r="S124" s="26">
        <v>985</v>
      </c>
      <c r="T124" s="27">
        <v>2430</v>
      </c>
      <c r="U124" s="27">
        <v>321</v>
      </c>
      <c r="V124" s="27">
        <v>321</v>
      </c>
    </row>
    <row r="125" spans="1:22" x14ac:dyDescent="0.25">
      <c r="A125" s="17">
        <v>5</v>
      </c>
      <c r="B125" s="16" t="s">
        <v>117</v>
      </c>
      <c r="C125" s="1">
        <v>2968</v>
      </c>
      <c r="D125" s="1">
        <v>1766</v>
      </c>
      <c r="E125" s="28" t="s">
        <v>310</v>
      </c>
      <c r="F125" s="1">
        <v>4635</v>
      </c>
      <c r="G125" s="2">
        <v>-0.11988309708711538</v>
      </c>
      <c r="H125" s="1">
        <v>1332</v>
      </c>
      <c r="I125" s="1">
        <v>1510</v>
      </c>
      <c r="J125" s="28" t="s">
        <v>310</v>
      </c>
      <c r="K125" s="1">
        <v>3383</v>
      </c>
      <c r="L125" s="2">
        <v>-0.20204935652026199</v>
      </c>
      <c r="M125" s="2">
        <v>0.55104885726551078</v>
      </c>
      <c r="N125" s="2">
        <v>0</v>
      </c>
      <c r="O125" s="28" t="s">
        <v>310</v>
      </c>
      <c r="P125" s="34">
        <v>9.9305978115773377E-3</v>
      </c>
      <c r="Q125" s="2">
        <v>0.35435821472881746</v>
      </c>
      <c r="R125" s="2">
        <v>4.8811438868944568E-2</v>
      </c>
      <c r="S125" s="19">
        <v>3155</v>
      </c>
      <c r="T125" s="18">
        <v>2968</v>
      </c>
      <c r="U125" s="18">
        <v>1635</v>
      </c>
      <c r="V125" s="18">
        <v>0</v>
      </c>
    </row>
    <row r="126" spans="1:22" x14ac:dyDescent="0.25">
      <c r="A126" s="22">
        <v>5</v>
      </c>
      <c r="B126" s="23" t="s">
        <v>118</v>
      </c>
      <c r="C126" s="24">
        <v>957</v>
      </c>
      <c r="D126" s="24">
        <v>1068</v>
      </c>
      <c r="E126" s="24">
        <v>969</v>
      </c>
      <c r="F126" s="24">
        <v>1039</v>
      </c>
      <c r="G126" s="25">
        <v>-2.6188876848763407E-2</v>
      </c>
      <c r="H126" s="24">
        <v>972</v>
      </c>
      <c r="I126" s="24">
        <v>935</v>
      </c>
      <c r="J126" s="24">
        <v>941</v>
      </c>
      <c r="K126" s="24">
        <v>959</v>
      </c>
      <c r="L126" s="25">
        <v>4.3849272728093865E-3</v>
      </c>
      <c r="M126" s="25">
        <v>6.1003963190527755E-2</v>
      </c>
      <c r="N126" s="25">
        <v>6.1003963190527755E-2</v>
      </c>
      <c r="O126" s="25">
        <v>8.7515696981212962E-2</v>
      </c>
      <c r="P126" s="35" t="s">
        <v>310</v>
      </c>
      <c r="Q126" s="25">
        <v>0.48391536050156742</v>
      </c>
      <c r="R126" s="25">
        <v>0</v>
      </c>
      <c r="S126" s="26">
        <v>4853</v>
      </c>
      <c r="T126" s="27">
        <v>1035</v>
      </c>
      <c r="U126" s="27">
        <v>63</v>
      </c>
      <c r="V126" s="27">
        <v>63</v>
      </c>
    </row>
    <row r="127" spans="1:22" x14ac:dyDescent="0.25">
      <c r="A127" s="17">
        <v>5</v>
      </c>
      <c r="B127" s="16" t="s">
        <v>119</v>
      </c>
      <c r="C127" s="1">
        <v>5914</v>
      </c>
      <c r="D127" s="1">
        <v>7607</v>
      </c>
      <c r="E127" s="1">
        <v>7206</v>
      </c>
      <c r="F127" s="1">
        <v>7736</v>
      </c>
      <c r="G127" s="2">
        <v>-7.8521201560358314E-2</v>
      </c>
      <c r="H127" s="1">
        <v>5110</v>
      </c>
      <c r="I127" s="1">
        <v>5538</v>
      </c>
      <c r="J127" s="1">
        <v>5515</v>
      </c>
      <c r="K127" s="1">
        <v>5219</v>
      </c>
      <c r="L127" s="2">
        <v>-6.9469966948384016E-3</v>
      </c>
      <c r="M127" s="2">
        <v>0.13589248420999231</v>
      </c>
      <c r="N127" s="2">
        <v>0.16772228130030267</v>
      </c>
      <c r="O127" s="2">
        <v>0.23279050904176868</v>
      </c>
      <c r="P127" s="34">
        <v>7.388121489650885E-3</v>
      </c>
      <c r="Q127" s="2">
        <v>0.1920274623534087</v>
      </c>
      <c r="R127" s="2">
        <v>0.14486864911939529</v>
      </c>
      <c r="S127" s="19">
        <v>3874</v>
      </c>
      <c r="T127" s="18">
        <v>5914</v>
      </c>
      <c r="U127" s="18">
        <v>804</v>
      </c>
      <c r="V127" s="18">
        <v>1030</v>
      </c>
    </row>
    <row r="128" spans="1:22" x14ac:dyDescent="0.25">
      <c r="A128" s="22">
        <v>5</v>
      </c>
      <c r="B128" s="23" t="s">
        <v>120</v>
      </c>
      <c r="C128" s="24">
        <v>2784</v>
      </c>
      <c r="D128" s="24">
        <v>3930</v>
      </c>
      <c r="E128" s="24">
        <v>2821</v>
      </c>
      <c r="F128" s="24">
        <v>2750</v>
      </c>
      <c r="G128" s="25">
        <v>4.1563944623425235E-3</v>
      </c>
      <c r="H128" s="24">
        <v>1219</v>
      </c>
      <c r="I128" s="24">
        <v>1546</v>
      </c>
      <c r="J128" s="24">
        <v>1553</v>
      </c>
      <c r="K128" s="24">
        <v>1122</v>
      </c>
      <c r="L128" s="25">
        <v>2.8693404634581105E-2</v>
      </c>
      <c r="M128" s="25">
        <v>0.56235885810822461</v>
      </c>
      <c r="N128" s="25">
        <v>0.56235885810822461</v>
      </c>
      <c r="O128" s="25">
        <v>0.5471728565197771</v>
      </c>
      <c r="P128" s="35">
        <v>3.7706852260769468E-2</v>
      </c>
      <c r="Q128" s="25">
        <v>0.22879998505978957</v>
      </c>
      <c r="R128" s="25">
        <v>1.4299864388859201E-2</v>
      </c>
      <c r="S128" s="26">
        <v>2776</v>
      </c>
      <c r="T128" s="27">
        <v>2784</v>
      </c>
      <c r="U128" s="27">
        <v>1566</v>
      </c>
      <c r="V128" s="27">
        <v>1566</v>
      </c>
    </row>
    <row r="129" spans="1:22" x14ac:dyDescent="0.25">
      <c r="A129" s="17">
        <v>5</v>
      </c>
      <c r="B129" s="16" t="s">
        <v>121</v>
      </c>
      <c r="C129" s="1">
        <v>11893</v>
      </c>
      <c r="D129" s="1">
        <v>13324</v>
      </c>
      <c r="E129" s="1">
        <v>14868</v>
      </c>
      <c r="F129" s="1">
        <v>15267</v>
      </c>
      <c r="G129" s="2">
        <v>-7.3654856749793274E-2</v>
      </c>
      <c r="H129" s="1">
        <v>9173</v>
      </c>
      <c r="I129" s="1">
        <v>9425</v>
      </c>
      <c r="J129" s="1">
        <v>10863</v>
      </c>
      <c r="K129" s="1">
        <v>12083</v>
      </c>
      <c r="L129" s="2">
        <v>-8.0280169024994588E-2</v>
      </c>
      <c r="M129" s="2">
        <v>0.22870161288152741</v>
      </c>
      <c r="N129" s="2">
        <v>0.25747421485017086</v>
      </c>
      <c r="O129" s="2">
        <v>0.27341858332237512</v>
      </c>
      <c r="P129" s="34">
        <v>0</v>
      </c>
      <c r="Q129" s="2">
        <v>0.17532225006995567</v>
      </c>
      <c r="R129" s="2">
        <v>1.613789605665332E-2</v>
      </c>
      <c r="S129" s="19">
        <v>9370</v>
      </c>
      <c r="T129" s="18">
        <v>11893</v>
      </c>
      <c r="U129" s="18">
        <v>2720</v>
      </c>
      <c r="V129" s="18">
        <v>3181</v>
      </c>
    </row>
    <row r="130" spans="1:22" x14ac:dyDescent="0.25">
      <c r="A130" s="22">
        <v>5</v>
      </c>
      <c r="B130" s="23" t="s">
        <v>122</v>
      </c>
      <c r="C130" s="24">
        <v>982</v>
      </c>
      <c r="D130" s="24">
        <v>1138</v>
      </c>
      <c r="E130" s="24">
        <v>910</v>
      </c>
      <c r="F130" s="24">
        <v>513</v>
      </c>
      <c r="G130" s="25">
        <v>0.30395720355710693</v>
      </c>
      <c r="H130" s="24">
        <v>742</v>
      </c>
      <c r="I130" s="24">
        <v>800</v>
      </c>
      <c r="J130" s="24">
        <v>919</v>
      </c>
      <c r="K130" s="24">
        <v>932</v>
      </c>
      <c r="L130" s="25">
        <v>-6.7936084381886377E-2</v>
      </c>
      <c r="M130" s="25">
        <v>0.2436483007287758</v>
      </c>
      <c r="N130" s="25">
        <v>0.2436483007287758</v>
      </c>
      <c r="O130" s="25">
        <v>0.18715065445592316</v>
      </c>
      <c r="P130" s="35">
        <v>0</v>
      </c>
      <c r="Q130" s="25">
        <v>0.55962910171990277</v>
      </c>
      <c r="R130" s="25">
        <v>1.4956561783946963E-3</v>
      </c>
      <c r="S130" s="26">
        <v>3851</v>
      </c>
      <c r="T130" s="27">
        <v>982</v>
      </c>
      <c r="U130" s="27">
        <v>239</v>
      </c>
      <c r="V130" s="27">
        <v>239</v>
      </c>
    </row>
    <row r="131" spans="1:22" x14ac:dyDescent="0.25">
      <c r="A131" s="17">
        <v>5</v>
      </c>
      <c r="B131" s="16" t="s">
        <v>123</v>
      </c>
      <c r="C131" s="1">
        <v>7568</v>
      </c>
      <c r="D131" s="1">
        <v>9581</v>
      </c>
      <c r="E131" s="1">
        <v>9332</v>
      </c>
      <c r="F131" s="1">
        <v>9891</v>
      </c>
      <c r="G131" s="2">
        <v>-7.8285649501916299E-2</v>
      </c>
      <c r="H131" s="1">
        <v>6950</v>
      </c>
      <c r="I131" s="1">
        <v>8390</v>
      </c>
      <c r="J131" s="1">
        <v>7903</v>
      </c>
      <c r="K131" s="1">
        <v>7648</v>
      </c>
      <c r="L131" s="2">
        <v>-3.0417537317010874E-2</v>
      </c>
      <c r="M131" s="2">
        <v>0.15562228807184755</v>
      </c>
      <c r="N131" s="2">
        <v>0.15562228807184755</v>
      </c>
      <c r="O131" s="2">
        <v>0.14507223014304638</v>
      </c>
      <c r="P131" s="34">
        <v>0</v>
      </c>
      <c r="Q131" s="2">
        <v>0.37618866212720459</v>
      </c>
      <c r="R131" s="2">
        <v>3.8242530216942523E-2</v>
      </c>
      <c r="S131" s="19">
        <v>5801</v>
      </c>
      <c r="T131" s="18">
        <v>8231</v>
      </c>
      <c r="U131" s="18">
        <v>1281</v>
      </c>
      <c r="V131" s="18">
        <v>1281</v>
      </c>
    </row>
    <row r="132" spans="1:22" x14ac:dyDescent="0.25">
      <c r="A132" s="22">
        <v>5</v>
      </c>
      <c r="B132" s="23" t="s">
        <v>124</v>
      </c>
      <c r="C132" s="24">
        <v>1067</v>
      </c>
      <c r="D132" s="24">
        <v>1403</v>
      </c>
      <c r="E132" s="24">
        <v>1446</v>
      </c>
      <c r="F132" s="24">
        <v>1377</v>
      </c>
      <c r="G132" s="25">
        <v>-7.4915000260234163E-2</v>
      </c>
      <c r="H132" s="24">
        <v>1141</v>
      </c>
      <c r="I132" s="24">
        <v>1453</v>
      </c>
      <c r="J132" s="24">
        <v>1386</v>
      </c>
      <c r="K132" s="24">
        <v>1413</v>
      </c>
      <c r="L132" s="25">
        <v>-6.4163443161332837E-2</v>
      </c>
      <c r="M132" s="25">
        <v>-2.6286345419092094E-2</v>
      </c>
      <c r="N132" s="25">
        <v>-2.6286345419092094E-2</v>
      </c>
      <c r="O132" s="25">
        <v>-4.7639833768033145E-3</v>
      </c>
      <c r="P132" s="35">
        <v>2.1653324629296762E-3</v>
      </c>
      <c r="Q132" s="25">
        <v>0.54949653348621408</v>
      </c>
      <c r="R132" s="25">
        <v>1.9351774568407091E-2</v>
      </c>
      <c r="S132" s="26">
        <v>2253</v>
      </c>
      <c r="T132" s="27">
        <v>1112</v>
      </c>
      <c r="U132" s="27">
        <v>-29</v>
      </c>
      <c r="V132" s="27">
        <v>-29</v>
      </c>
    </row>
    <row r="133" spans="1:22" x14ac:dyDescent="0.25">
      <c r="A133" s="8">
        <v>6</v>
      </c>
      <c r="B133" s="9" t="s">
        <v>306</v>
      </c>
      <c r="C133" s="20">
        <v>3439</v>
      </c>
      <c r="D133" s="20">
        <v>4272</v>
      </c>
      <c r="E133" s="20">
        <v>4200</v>
      </c>
      <c r="F133" s="20">
        <v>4467</v>
      </c>
      <c r="G133" s="10">
        <v>-7.6700000000000004E-2</v>
      </c>
      <c r="H133" s="20">
        <v>2455</v>
      </c>
      <c r="I133" s="20">
        <v>2658</v>
      </c>
      <c r="J133" s="20">
        <v>2954</v>
      </c>
      <c r="K133" s="20">
        <v>2777</v>
      </c>
      <c r="L133" s="10">
        <v>-3.8699999999999998E-2</v>
      </c>
      <c r="M133" s="10">
        <v>0.29189999999999999</v>
      </c>
      <c r="N133" s="10">
        <v>0.30649999999999999</v>
      </c>
      <c r="O133" s="10">
        <v>0.3306</v>
      </c>
      <c r="P133" s="33">
        <v>3.3E-3</v>
      </c>
      <c r="Q133" s="10">
        <v>0.30640000000000001</v>
      </c>
      <c r="R133" s="10">
        <v>3.9199999999999999E-2</v>
      </c>
      <c r="S133" s="21">
        <v>3048</v>
      </c>
      <c r="T133" s="20">
        <v>2455</v>
      </c>
      <c r="U133" s="20">
        <v>1012</v>
      </c>
      <c r="V133" s="20">
        <v>1085</v>
      </c>
    </row>
    <row r="134" spans="1:22" x14ac:dyDescent="0.25">
      <c r="A134" s="17">
        <v>6</v>
      </c>
      <c r="B134" s="16" t="s">
        <v>125</v>
      </c>
      <c r="C134" s="1">
        <v>1302</v>
      </c>
      <c r="D134" s="1">
        <v>1655</v>
      </c>
      <c r="E134" s="1">
        <v>1559</v>
      </c>
      <c r="F134" s="1">
        <v>1730</v>
      </c>
      <c r="G134" s="2">
        <v>-8.2449334999280158E-2</v>
      </c>
      <c r="H134" s="1">
        <v>1306</v>
      </c>
      <c r="I134" s="1">
        <v>1373</v>
      </c>
      <c r="J134" s="1">
        <v>1297</v>
      </c>
      <c r="K134" s="1">
        <v>1474</v>
      </c>
      <c r="L134" s="2">
        <v>-3.7996246943602152E-2</v>
      </c>
      <c r="M134" s="2">
        <v>-3.0999999999999999E-3</v>
      </c>
      <c r="N134" s="2">
        <v>-3.0999999999999999E-3</v>
      </c>
      <c r="O134" s="2">
        <v>0.1196</v>
      </c>
      <c r="P134" s="34">
        <v>0</v>
      </c>
      <c r="Q134" s="2">
        <v>0.43332571957024951</v>
      </c>
      <c r="R134" s="2">
        <v>9.305039846907651E-3</v>
      </c>
      <c r="S134" s="19">
        <v>1860</v>
      </c>
      <c r="T134" s="18">
        <v>1302</v>
      </c>
      <c r="U134" s="18">
        <v>-4</v>
      </c>
      <c r="V134" s="18">
        <v>-4</v>
      </c>
    </row>
    <row r="135" spans="1:22" x14ac:dyDescent="0.25">
      <c r="A135" s="22">
        <v>6</v>
      </c>
      <c r="B135" s="23" t="s">
        <v>126</v>
      </c>
      <c r="C135" s="24">
        <v>8088</v>
      </c>
      <c r="D135" s="24">
        <v>9382</v>
      </c>
      <c r="E135" s="24">
        <v>8949</v>
      </c>
      <c r="F135" s="24">
        <v>10823</v>
      </c>
      <c r="G135" s="25">
        <v>-8.422249187746482E-2</v>
      </c>
      <c r="H135" s="24">
        <v>5262</v>
      </c>
      <c r="I135" s="24">
        <v>6028</v>
      </c>
      <c r="J135" s="24">
        <v>5641</v>
      </c>
      <c r="K135" s="24">
        <v>1831</v>
      </c>
      <c r="L135" s="25">
        <v>0.62488416460762375</v>
      </c>
      <c r="M135" s="25">
        <v>0.3494078163665103</v>
      </c>
      <c r="N135" s="25">
        <v>0.3494078163665103</v>
      </c>
      <c r="O135" s="25">
        <v>0.35911027454514377</v>
      </c>
      <c r="P135" s="35">
        <v>3.6419544480381602E-3</v>
      </c>
      <c r="Q135" s="25">
        <v>0.17734946283421021</v>
      </c>
      <c r="R135" s="25">
        <v>3.1236040767604011E-2</v>
      </c>
      <c r="S135" s="26">
        <v>1996</v>
      </c>
      <c r="T135" s="27">
        <v>8088</v>
      </c>
      <c r="U135" s="27">
        <v>2826</v>
      </c>
      <c r="V135" s="27">
        <v>2826</v>
      </c>
    </row>
    <row r="136" spans="1:22" x14ac:dyDescent="0.25">
      <c r="A136" s="17">
        <v>6</v>
      </c>
      <c r="B136" s="16" t="s">
        <v>127</v>
      </c>
      <c r="C136" s="1">
        <v>785</v>
      </c>
      <c r="D136" s="1">
        <v>1072</v>
      </c>
      <c r="E136" s="1">
        <v>1112</v>
      </c>
      <c r="F136" s="1">
        <v>1189</v>
      </c>
      <c r="G136" s="2">
        <v>-0.11331768498621803</v>
      </c>
      <c r="H136" s="1">
        <v>675</v>
      </c>
      <c r="I136" s="1">
        <v>849</v>
      </c>
      <c r="J136" s="1">
        <v>901</v>
      </c>
      <c r="K136" s="1">
        <v>810</v>
      </c>
      <c r="L136" s="2">
        <v>-5.5540326172230335E-2</v>
      </c>
      <c r="M136" s="2">
        <v>0.14037268662989899</v>
      </c>
      <c r="N136" s="2">
        <v>0.16405897770004807</v>
      </c>
      <c r="O136" s="2">
        <v>0.18913134611565871</v>
      </c>
      <c r="P136" s="34">
        <v>8.1250000000000003E-3</v>
      </c>
      <c r="Q136" s="2">
        <v>0.25969144977704178</v>
      </c>
      <c r="R136" s="2">
        <v>6.0767335375038659E-2</v>
      </c>
      <c r="S136" s="19">
        <v>1247</v>
      </c>
      <c r="T136" s="18">
        <v>785</v>
      </c>
      <c r="U136" s="18">
        <v>110</v>
      </c>
      <c r="V136" s="18">
        <v>132</v>
      </c>
    </row>
    <row r="137" spans="1:22" x14ac:dyDescent="0.25">
      <c r="A137" s="22">
        <v>6</v>
      </c>
      <c r="B137" s="23" t="s">
        <v>128</v>
      </c>
      <c r="C137" s="24">
        <v>2764</v>
      </c>
      <c r="D137" s="24">
        <v>3568</v>
      </c>
      <c r="E137" s="24">
        <v>3408</v>
      </c>
      <c r="F137" s="24">
        <v>3568</v>
      </c>
      <c r="G137" s="25">
        <v>-7.5098552784072362E-2</v>
      </c>
      <c r="H137" s="24">
        <v>1587</v>
      </c>
      <c r="I137" s="24">
        <v>1696</v>
      </c>
      <c r="J137" s="24">
        <v>1689</v>
      </c>
      <c r="K137" s="24">
        <v>1824</v>
      </c>
      <c r="L137" s="25">
        <v>-4.318221450122231E-2</v>
      </c>
      <c r="M137" s="25">
        <v>0.42571460201964068</v>
      </c>
      <c r="N137" s="25">
        <v>0.43999050279447866</v>
      </c>
      <c r="O137" s="25">
        <v>0.49327355311319471</v>
      </c>
      <c r="P137" s="35">
        <v>2.334075186831119E-2</v>
      </c>
      <c r="Q137" s="25">
        <v>0.41352309794012859</v>
      </c>
      <c r="R137" s="25">
        <v>4.6225908592300594E-2</v>
      </c>
      <c r="S137" s="26">
        <v>4323</v>
      </c>
      <c r="T137" s="27">
        <v>2764</v>
      </c>
      <c r="U137" s="27">
        <v>1177</v>
      </c>
      <c r="V137" s="27">
        <v>1247</v>
      </c>
    </row>
    <row r="138" spans="1:22" x14ac:dyDescent="0.25">
      <c r="A138" s="17">
        <v>6</v>
      </c>
      <c r="B138" s="16" t="s">
        <v>129</v>
      </c>
      <c r="C138" s="1">
        <v>1766</v>
      </c>
      <c r="D138" s="1">
        <v>2018</v>
      </c>
      <c r="E138" s="1">
        <v>1934</v>
      </c>
      <c r="F138" s="1">
        <v>1891</v>
      </c>
      <c r="G138" s="2">
        <v>-2.2010844324214379E-2</v>
      </c>
      <c r="H138" s="1">
        <v>1342</v>
      </c>
      <c r="I138" s="1">
        <v>1422</v>
      </c>
      <c r="J138" s="1">
        <v>1312</v>
      </c>
      <c r="K138" s="1">
        <v>1173</v>
      </c>
      <c r="L138" s="2">
        <v>4.8114401438941745E-2</v>
      </c>
      <c r="M138" s="2">
        <v>0.24027604116844295</v>
      </c>
      <c r="N138" s="2">
        <v>0.24027604116844295</v>
      </c>
      <c r="O138" s="2">
        <v>0.28809031153294801</v>
      </c>
      <c r="P138" s="34" t="s">
        <v>310</v>
      </c>
      <c r="Q138" s="2">
        <v>0.48539355231728992</v>
      </c>
      <c r="R138" s="2">
        <v>1.9396945834505741E-2</v>
      </c>
      <c r="S138" s="19">
        <v>2156</v>
      </c>
      <c r="T138" s="18">
        <v>1767</v>
      </c>
      <c r="U138" s="18">
        <v>424</v>
      </c>
      <c r="V138" s="18">
        <v>424</v>
      </c>
    </row>
    <row r="139" spans="1:22" x14ac:dyDescent="0.25">
      <c r="A139" s="22">
        <v>6</v>
      </c>
      <c r="B139" s="23" t="s">
        <v>130</v>
      </c>
      <c r="C139" s="24">
        <v>769</v>
      </c>
      <c r="D139" s="24">
        <v>942</v>
      </c>
      <c r="E139" s="24">
        <v>711</v>
      </c>
      <c r="F139" s="24">
        <v>868</v>
      </c>
      <c r="G139" s="25">
        <v>-3.7955717241906307E-2</v>
      </c>
      <c r="H139" s="24">
        <v>1101</v>
      </c>
      <c r="I139" s="24">
        <v>974</v>
      </c>
      <c r="J139" s="24">
        <v>775</v>
      </c>
      <c r="K139" s="24">
        <v>868</v>
      </c>
      <c r="L139" s="25">
        <v>8.9625050592556932E-2</v>
      </c>
      <c r="M139" s="25">
        <v>-0.43187975476711715</v>
      </c>
      <c r="N139" s="25">
        <v>-0.43187975476711715</v>
      </c>
      <c r="O139" s="25">
        <v>-0.17881887520626952</v>
      </c>
      <c r="P139" s="35" t="s">
        <v>310</v>
      </c>
      <c r="Q139" s="25">
        <v>0.29441075987873555</v>
      </c>
      <c r="R139" s="25">
        <v>0</v>
      </c>
      <c r="S139" s="26">
        <v>1331</v>
      </c>
      <c r="T139" s="27">
        <v>769</v>
      </c>
      <c r="U139" s="27">
        <v>-332</v>
      </c>
      <c r="V139" s="27">
        <v>-332</v>
      </c>
    </row>
    <row r="140" spans="1:22" x14ac:dyDescent="0.25">
      <c r="A140" s="17">
        <v>6</v>
      </c>
      <c r="B140" s="16" t="s">
        <v>131</v>
      </c>
      <c r="C140" s="1">
        <v>3556</v>
      </c>
      <c r="D140" s="1">
        <v>4202</v>
      </c>
      <c r="E140" s="1">
        <v>3078</v>
      </c>
      <c r="F140" s="1">
        <v>3224</v>
      </c>
      <c r="G140" s="2">
        <v>3.4330327752248806E-2</v>
      </c>
      <c r="H140" s="1">
        <v>3320</v>
      </c>
      <c r="I140" s="1">
        <v>3492</v>
      </c>
      <c r="J140" s="1">
        <v>2697</v>
      </c>
      <c r="K140" s="1">
        <v>2772</v>
      </c>
      <c r="L140" s="2">
        <v>6.5924127857795015E-2</v>
      </c>
      <c r="M140" s="2">
        <v>6.6342171195262478E-2</v>
      </c>
      <c r="N140" s="2">
        <v>1.5957550852023678E-2</v>
      </c>
      <c r="O140" s="2">
        <v>9.2671575615250176E-2</v>
      </c>
      <c r="P140" s="34">
        <v>2.299653505402675E-3</v>
      </c>
      <c r="Q140" s="2">
        <v>0.18597896118742163</v>
      </c>
      <c r="R140" s="2">
        <v>8.1046698769157502E-2</v>
      </c>
      <c r="S140" s="19">
        <v>3015</v>
      </c>
      <c r="T140" s="18">
        <v>3556</v>
      </c>
      <c r="U140" s="18">
        <v>236</v>
      </c>
      <c r="V140" s="18">
        <v>54</v>
      </c>
    </row>
    <row r="141" spans="1:22" x14ac:dyDescent="0.25">
      <c r="A141" s="22">
        <v>6</v>
      </c>
      <c r="B141" s="23" t="s">
        <v>132</v>
      </c>
      <c r="C141" s="24">
        <v>1106</v>
      </c>
      <c r="D141" s="24">
        <v>3355</v>
      </c>
      <c r="E141" s="24">
        <v>4138</v>
      </c>
      <c r="F141" s="24">
        <v>4613</v>
      </c>
      <c r="G141" s="25">
        <v>-0.25343658272686059</v>
      </c>
      <c r="H141" s="24">
        <v>591</v>
      </c>
      <c r="I141" s="24">
        <v>3473</v>
      </c>
      <c r="J141" s="24">
        <v>3988</v>
      </c>
      <c r="K141" s="24">
        <v>3670</v>
      </c>
      <c r="L141" s="25">
        <v>-0.2796271547114495</v>
      </c>
      <c r="M141" s="25">
        <v>0.46524349493983053</v>
      </c>
      <c r="N141" s="25">
        <v>0.46524349493983053</v>
      </c>
      <c r="O141" s="25">
        <v>6.3509295966491158E-2</v>
      </c>
      <c r="P141" s="35">
        <v>-3.276590734666239E-2</v>
      </c>
      <c r="Q141" s="25">
        <v>0.21899306651425718</v>
      </c>
      <c r="R141" s="25">
        <v>1.2606337714201483E-2</v>
      </c>
      <c r="S141" s="26">
        <v>1020</v>
      </c>
      <c r="T141" s="27">
        <v>1106</v>
      </c>
      <c r="U141" s="27">
        <v>514</v>
      </c>
      <c r="V141" s="27">
        <v>514</v>
      </c>
    </row>
    <row r="142" spans="1:22" x14ac:dyDescent="0.25">
      <c r="A142" s="17">
        <v>6</v>
      </c>
      <c r="B142" s="16" t="s">
        <v>133</v>
      </c>
      <c r="C142" s="1">
        <v>2695</v>
      </c>
      <c r="D142" s="1">
        <v>3525</v>
      </c>
      <c r="E142" s="1">
        <v>3361</v>
      </c>
      <c r="F142" s="1">
        <v>3368</v>
      </c>
      <c r="G142" s="2">
        <v>-6.6582139034098584E-2</v>
      </c>
      <c r="H142" s="1">
        <v>2413</v>
      </c>
      <c r="I142" s="1">
        <v>2396</v>
      </c>
      <c r="J142" s="1">
        <v>2261</v>
      </c>
      <c r="K142" s="1">
        <v>2248</v>
      </c>
      <c r="L142" s="2">
        <v>2.4465041318808948E-2</v>
      </c>
      <c r="M142" s="2">
        <v>0.10473231957052988</v>
      </c>
      <c r="N142" s="2">
        <v>0.19198246247388695</v>
      </c>
      <c r="O142" s="2">
        <v>0.28435743841806077</v>
      </c>
      <c r="P142" s="34">
        <v>0</v>
      </c>
      <c r="Q142" s="2">
        <v>0.30947903594823384</v>
      </c>
      <c r="R142" s="2">
        <v>9.1907287530212892E-2</v>
      </c>
      <c r="S142" s="19">
        <v>4861</v>
      </c>
      <c r="T142" s="18">
        <v>2695</v>
      </c>
      <c r="U142" s="18">
        <v>282</v>
      </c>
      <c r="V142" s="18">
        <v>573</v>
      </c>
    </row>
    <row r="143" spans="1:22" x14ac:dyDescent="0.25">
      <c r="A143" s="22">
        <v>6</v>
      </c>
      <c r="B143" s="23" t="s">
        <v>134</v>
      </c>
      <c r="C143" s="24">
        <v>5617</v>
      </c>
      <c r="D143" s="24">
        <v>6016</v>
      </c>
      <c r="E143" s="24">
        <v>5373</v>
      </c>
      <c r="F143" s="24">
        <v>5719</v>
      </c>
      <c r="G143" s="25">
        <v>-5.9683704691030079E-3</v>
      </c>
      <c r="H143" s="24">
        <v>4845</v>
      </c>
      <c r="I143" s="24">
        <v>4717</v>
      </c>
      <c r="J143" s="24">
        <v>4720</v>
      </c>
      <c r="K143" s="24">
        <v>5316</v>
      </c>
      <c r="L143" s="25">
        <v>-2.9523163852010592E-2</v>
      </c>
      <c r="M143" s="25">
        <v>0.13737435565461645</v>
      </c>
      <c r="N143" s="25">
        <v>0.20326033209449221</v>
      </c>
      <c r="O143" s="25">
        <v>0.18250849234994462</v>
      </c>
      <c r="P143" s="35">
        <v>2.5695460846564466E-3</v>
      </c>
      <c r="Q143" s="25">
        <v>0.65763528248646419</v>
      </c>
      <c r="R143" s="25">
        <v>5.7381256446124421E-2</v>
      </c>
      <c r="S143" s="26">
        <v>6401</v>
      </c>
      <c r="T143" s="27">
        <v>5617</v>
      </c>
      <c r="U143" s="27">
        <v>772</v>
      </c>
      <c r="V143" s="27">
        <v>1236</v>
      </c>
    </row>
    <row r="144" spans="1:22" x14ac:dyDescent="0.25">
      <c r="A144" s="17">
        <v>6</v>
      </c>
      <c r="B144" s="16" t="s">
        <v>135</v>
      </c>
      <c r="C144" s="1">
        <v>5081</v>
      </c>
      <c r="D144" s="28" t="s">
        <v>310</v>
      </c>
      <c r="E144" s="1">
        <v>6144</v>
      </c>
      <c r="F144" s="1">
        <v>5949</v>
      </c>
      <c r="G144" s="2">
        <v>-4.8627874055914684E-2</v>
      </c>
      <c r="H144" s="1">
        <v>5211</v>
      </c>
      <c r="I144" s="28" t="s">
        <v>310</v>
      </c>
      <c r="J144" s="1">
        <v>6517</v>
      </c>
      <c r="K144" s="1">
        <v>6418</v>
      </c>
      <c r="L144" s="2">
        <v>-6.2731378335062732E-2</v>
      </c>
      <c r="M144" s="2">
        <v>4.219815473030504E-2</v>
      </c>
      <c r="N144" s="2">
        <v>4.219815473030504E-2</v>
      </c>
      <c r="O144" s="28" t="s">
        <v>310</v>
      </c>
      <c r="P144" s="34">
        <v>1.2819068384933246E-2</v>
      </c>
      <c r="Q144" s="2">
        <v>0.25928423921461269</v>
      </c>
      <c r="R144" s="2">
        <v>9.8425127890337374E-2</v>
      </c>
      <c r="S144" s="19">
        <v>5026</v>
      </c>
      <c r="T144" s="18">
        <v>5440</v>
      </c>
      <c r="U144" s="18">
        <v>230</v>
      </c>
      <c r="V144" s="18">
        <v>230</v>
      </c>
    </row>
    <row r="145" spans="1:22" x14ac:dyDescent="0.25">
      <c r="A145" s="22">
        <v>6</v>
      </c>
      <c r="B145" s="23" t="s">
        <v>136</v>
      </c>
      <c r="C145" s="24">
        <v>826</v>
      </c>
      <c r="D145" s="24">
        <v>1084</v>
      </c>
      <c r="E145" s="24">
        <v>892</v>
      </c>
      <c r="F145" s="24">
        <v>988</v>
      </c>
      <c r="G145" s="25">
        <v>-5.4519398745541486E-2</v>
      </c>
      <c r="H145" s="24">
        <v>723</v>
      </c>
      <c r="I145" s="24">
        <v>872</v>
      </c>
      <c r="J145" s="24">
        <v>774</v>
      </c>
      <c r="K145" s="24">
        <v>838</v>
      </c>
      <c r="L145" s="25">
        <v>-4.5845101332010224E-2</v>
      </c>
      <c r="M145" s="25">
        <v>0.15294814967529122</v>
      </c>
      <c r="N145" s="25">
        <v>0.15294814967529122</v>
      </c>
      <c r="O145" s="25">
        <v>0.16244901709915247</v>
      </c>
      <c r="P145" s="35" t="s">
        <v>310</v>
      </c>
      <c r="Q145" s="25">
        <v>0.38024547413568743</v>
      </c>
      <c r="R145" s="25">
        <v>1.0289249315524834E-2</v>
      </c>
      <c r="S145" s="26">
        <v>1278</v>
      </c>
      <c r="T145" s="27">
        <v>854</v>
      </c>
      <c r="U145" s="27">
        <v>131</v>
      </c>
      <c r="V145" s="27">
        <v>131</v>
      </c>
    </row>
    <row r="146" spans="1:22" x14ac:dyDescent="0.25">
      <c r="A146" s="17">
        <v>6</v>
      </c>
      <c r="B146" s="16" t="s">
        <v>137</v>
      </c>
      <c r="C146" s="1">
        <v>1242</v>
      </c>
      <c r="D146" s="1">
        <v>1900</v>
      </c>
      <c r="E146" s="1">
        <v>1658</v>
      </c>
      <c r="F146" s="1">
        <v>1914</v>
      </c>
      <c r="G146" s="2">
        <v>-0.11707952132893745</v>
      </c>
      <c r="H146" s="1">
        <v>1024</v>
      </c>
      <c r="I146" s="1">
        <v>989</v>
      </c>
      <c r="J146" s="1">
        <v>918</v>
      </c>
      <c r="K146" s="1">
        <v>957</v>
      </c>
      <c r="L146" s="2">
        <v>2.3407801299845044E-2</v>
      </c>
      <c r="M146" s="2">
        <v>0.19120000000000001</v>
      </c>
      <c r="N146" s="2">
        <v>0.19120000000000001</v>
      </c>
      <c r="O146" s="2">
        <v>0.39250000000000002</v>
      </c>
      <c r="P146" s="34">
        <v>9.5160389435303382E-3</v>
      </c>
      <c r="Q146" s="2">
        <v>0.43181719115875294</v>
      </c>
      <c r="R146" s="2">
        <v>0.10594397242384564</v>
      </c>
      <c r="S146" s="19">
        <v>3366</v>
      </c>
      <c r="T146" s="18">
        <v>1266</v>
      </c>
      <c r="U146" s="18">
        <v>242</v>
      </c>
      <c r="V146" s="18">
        <v>242</v>
      </c>
    </row>
    <row r="147" spans="1:22" x14ac:dyDescent="0.25">
      <c r="A147" s="22">
        <v>6</v>
      </c>
      <c r="B147" s="23" t="s">
        <v>138</v>
      </c>
      <c r="C147" s="24">
        <v>4746</v>
      </c>
      <c r="D147" s="24">
        <v>5940</v>
      </c>
      <c r="E147" s="24">
        <v>6790</v>
      </c>
      <c r="F147" s="24">
        <v>7244</v>
      </c>
      <c r="G147" s="25">
        <v>-0.11493712717051537</v>
      </c>
      <c r="H147" s="24">
        <v>6100</v>
      </c>
      <c r="I147" s="24">
        <v>6678</v>
      </c>
      <c r="J147" s="24">
        <v>7417</v>
      </c>
      <c r="K147" s="24">
        <v>6840</v>
      </c>
      <c r="L147" s="25">
        <v>-3.6040088913412156E-2</v>
      </c>
      <c r="M147" s="25">
        <v>-0.24809999999999999</v>
      </c>
      <c r="N147" s="25">
        <v>-0.24809999999999999</v>
      </c>
      <c r="O147" s="25">
        <v>-0.14069999999999999</v>
      </c>
      <c r="P147" s="35">
        <v>4.3578420139205208E-3</v>
      </c>
      <c r="Q147" s="25">
        <v>0.39080146592917159</v>
      </c>
      <c r="R147" s="25">
        <v>1.2698269545598793E-2</v>
      </c>
      <c r="S147" s="26">
        <v>3526</v>
      </c>
      <c r="T147" s="27">
        <v>4888</v>
      </c>
      <c r="U147" s="27">
        <v>-1212</v>
      </c>
      <c r="V147" s="27">
        <v>-1212</v>
      </c>
    </row>
    <row r="148" spans="1:22" x14ac:dyDescent="0.25">
      <c r="A148" s="17">
        <v>6</v>
      </c>
      <c r="B148" s="16" t="s">
        <v>139</v>
      </c>
      <c r="C148" s="1">
        <v>8962</v>
      </c>
      <c r="D148" s="1">
        <v>10774</v>
      </c>
      <c r="E148" s="1">
        <v>9532</v>
      </c>
      <c r="F148" s="1">
        <v>9930</v>
      </c>
      <c r="G148" s="2">
        <v>-3.248527176217942E-2</v>
      </c>
      <c r="H148" s="1">
        <v>1419</v>
      </c>
      <c r="I148" s="1">
        <v>1771</v>
      </c>
      <c r="J148" s="1">
        <v>1786</v>
      </c>
      <c r="K148" s="1">
        <v>1672</v>
      </c>
      <c r="L148" s="2">
        <v>-5.0420147960990362E-2</v>
      </c>
      <c r="M148" s="2">
        <v>0.84167912629375563</v>
      </c>
      <c r="N148" s="2">
        <v>0.84167912629375563</v>
      </c>
      <c r="O148" s="2">
        <v>0.82997575799777479</v>
      </c>
      <c r="P148" s="34">
        <v>0</v>
      </c>
      <c r="Q148" s="2">
        <v>0.12027709466787469</v>
      </c>
      <c r="R148" s="2">
        <v>3.3427542991292393E-2</v>
      </c>
      <c r="S148" s="19">
        <v>2260</v>
      </c>
      <c r="T148" s="18">
        <v>8962</v>
      </c>
      <c r="U148" s="18">
        <v>7543</v>
      </c>
      <c r="V148" s="18">
        <v>7543</v>
      </c>
    </row>
    <row r="149" spans="1:22" x14ac:dyDescent="0.25">
      <c r="A149" s="22">
        <v>6</v>
      </c>
      <c r="B149" s="23" t="s">
        <v>140</v>
      </c>
      <c r="C149" s="24">
        <v>429</v>
      </c>
      <c r="D149" s="24">
        <v>459</v>
      </c>
      <c r="E149" s="24">
        <v>317</v>
      </c>
      <c r="F149" s="24">
        <v>336</v>
      </c>
      <c r="G149" s="25">
        <v>9.2255095880399721E-2</v>
      </c>
      <c r="H149" s="24">
        <v>497</v>
      </c>
      <c r="I149" s="24">
        <v>494</v>
      </c>
      <c r="J149" s="24">
        <v>332</v>
      </c>
      <c r="K149" s="24">
        <v>352</v>
      </c>
      <c r="L149" s="25">
        <v>0.1375287333450825</v>
      </c>
      <c r="M149" s="25">
        <v>-0.1594475099450543</v>
      </c>
      <c r="N149" s="25">
        <v>-0.1594475099450543</v>
      </c>
      <c r="O149" s="25">
        <v>-9.9179599598103449E-2</v>
      </c>
      <c r="P149" s="35">
        <v>2.8999199069739977E-2</v>
      </c>
      <c r="Q149" s="25">
        <v>0.18958948215723101</v>
      </c>
      <c r="R149" s="25">
        <v>0</v>
      </c>
      <c r="S149" s="26">
        <v>269</v>
      </c>
      <c r="T149" s="27">
        <v>429</v>
      </c>
      <c r="U149" s="27">
        <v>-68</v>
      </c>
      <c r="V149" s="27">
        <v>-68</v>
      </c>
    </row>
    <row r="150" spans="1:22" x14ac:dyDescent="0.25">
      <c r="A150" s="17">
        <v>6</v>
      </c>
      <c r="B150" s="16" t="s">
        <v>141</v>
      </c>
      <c r="C150" s="1">
        <v>3560</v>
      </c>
      <c r="D150" s="1">
        <v>4982</v>
      </c>
      <c r="E150" s="1">
        <v>4650</v>
      </c>
      <c r="F150" s="1">
        <v>4701</v>
      </c>
      <c r="G150" s="2">
        <v>-8.0896220930067667E-2</v>
      </c>
      <c r="H150" s="1">
        <v>3343</v>
      </c>
      <c r="I150" s="1">
        <v>4152</v>
      </c>
      <c r="J150" s="1">
        <v>4975</v>
      </c>
      <c r="K150" s="1">
        <v>4805</v>
      </c>
      <c r="L150" s="2">
        <v>-0.10139261404027623</v>
      </c>
      <c r="M150" s="2">
        <v>6.0944603577373149E-2</v>
      </c>
      <c r="N150" s="2">
        <v>6.0944603577373149E-2</v>
      </c>
      <c r="O150" s="2">
        <v>5.4726334218609257E-2</v>
      </c>
      <c r="P150" s="34">
        <v>4.4107487345376598E-3</v>
      </c>
      <c r="Q150" s="2">
        <v>0.40787401840199583</v>
      </c>
      <c r="R150" s="2">
        <v>3.1308334826667443E-2</v>
      </c>
      <c r="S150" s="19">
        <v>3008</v>
      </c>
      <c r="T150" s="18">
        <v>3560</v>
      </c>
      <c r="U150" s="18">
        <v>217</v>
      </c>
      <c r="V150" s="18">
        <v>217</v>
      </c>
    </row>
    <row r="151" spans="1:22" x14ac:dyDescent="0.25">
      <c r="A151" s="22">
        <v>6</v>
      </c>
      <c r="B151" s="23" t="s">
        <v>142</v>
      </c>
      <c r="C151" s="24">
        <v>7446</v>
      </c>
      <c r="D151" s="24">
        <v>9841</v>
      </c>
      <c r="E151" s="24">
        <v>9697</v>
      </c>
      <c r="F151" s="24">
        <v>9859</v>
      </c>
      <c r="G151" s="25">
        <v>-8.1592798732171165E-2</v>
      </c>
      <c r="H151" s="24">
        <v>3449</v>
      </c>
      <c r="I151" s="24">
        <v>3540</v>
      </c>
      <c r="J151" s="24">
        <v>5346</v>
      </c>
      <c r="K151" s="24">
        <v>5598</v>
      </c>
      <c r="L151" s="25">
        <v>-0.12796515387055027</v>
      </c>
      <c r="M151" s="25">
        <v>0.53682903857406639</v>
      </c>
      <c r="N151" s="25">
        <v>0.53682903857406639</v>
      </c>
      <c r="O151" s="25">
        <v>0.54286569283717612</v>
      </c>
      <c r="P151" s="35">
        <v>0</v>
      </c>
      <c r="Q151" s="25">
        <v>0.23554525086109843</v>
      </c>
      <c r="R151" s="25">
        <v>3.3782643140698253E-2</v>
      </c>
      <c r="S151" s="26">
        <v>3833</v>
      </c>
      <c r="T151" s="27">
        <v>7446</v>
      </c>
      <c r="U151" s="27">
        <v>3997</v>
      </c>
      <c r="V151" s="27">
        <v>3997</v>
      </c>
    </row>
    <row r="152" spans="1:22" x14ac:dyDescent="0.25">
      <c r="A152" s="17">
        <v>6</v>
      </c>
      <c r="B152" s="16" t="s">
        <v>143</v>
      </c>
      <c r="C152" s="1">
        <v>3396</v>
      </c>
      <c r="D152" s="1">
        <v>4470</v>
      </c>
      <c r="E152" s="1">
        <v>4587</v>
      </c>
      <c r="F152" s="1">
        <v>5055</v>
      </c>
      <c r="G152" s="2">
        <v>-0.10940828586522512</v>
      </c>
      <c r="H152" s="1">
        <v>1443</v>
      </c>
      <c r="I152" s="1">
        <v>1600</v>
      </c>
      <c r="J152" s="1">
        <v>1761</v>
      </c>
      <c r="K152" s="1">
        <v>1821</v>
      </c>
      <c r="L152" s="2">
        <v>-6.9248867539248998E-2</v>
      </c>
      <c r="M152" s="2">
        <v>0.57515854490567109</v>
      </c>
      <c r="N152" s="2">
        <v>0.58605648798763088</v>
      </c>
      <c r="O152" s="2">
        <v>0.61687432184503133</v>
      </c>
      <c r="P152" s="34">
        <v>3.9999732485463679E-3</v>
      </c>
      <c r="Q152" s="2">
        <v>0.25708552988612327</v>
      </c>
      <c r="R152" s="2">
        <v>0</v>
      </c>
      <c r="S152" s="19">
        <v>5864</v>
      </c>
      <c r="T152" s="18">
        <v>3396</v>
      </c>
      <c r="U152" s="18">
        <v>1953</v>
      </c>
      <c r="V152" s="18">
        <v>2043</v>
      </c>
    </row>
    <row r="153" spans="1:22" x14ac:dyDescent="0.25">
      <c r="A153" s="22">
        <v>6</v>
      </c>
      <c r="B153" s="23" t="s">
        <v>144</v>
      </c>
      <c r="C153" s="24">
        <v>4644</v>
      </c>
      <c r="D153" s="24">
        <v>5980</v>
      </c>
      <c r="E153" s="24">
        <v>6117</v>
      </c>
      <c r="F153" s="24">
        <v>6363</v>
      </c>
      <c r="G153" s="25">
        <v>-9.0081442630679479E-2</v>
      </c>
      <c r="H153" s="24">
        <v>3441</v>
      </c>
      <c r="I153" s="24">
        <v>3979</v>
      </c>
      <c r="J153" s="24">
        <v>3973</v>
      </c>
      <c r="K153" s="24">
        <v>4262</v>
      </c>
      <c r="L153" s="25">
        <v>-6.4168241146853558E-2</v>
      </c>
      <c r="M153" s="25">
        <v>0.25892815419743143</v>
      </c>
      <c r="N153" s="25">
        <v>0.3557856863394791</v>
      </c>
      <c r="O153" s="25">
        <v>0.35640529680561339</v>
      </c>
      <c r="P153" s="35">
        <v>2.6135294912372982E-4</v>
      </c>
      <c r="Q153" s="25">
        <v>0.41708676898428199</v>
      </c>
      <c r="R153" s="25">
        <v>5.1898159015097839E-4</v>
      </c>
      <c r="S153" s="26">
        <v>4323</v>
      </c>
      <c r="T153" s="27">
        <v>4644</v>
      </c>
      <c r="U153" s="27">
        <v>1202</v>
      </c>
      <c r="V153" s="27">
        <v>1901</v>
      </c>
    </row>
    <row r="154" spans="1:22" x14ac:dyDescent="0.25">
      <c r="A154" s="8">
        <v>7</v>
      </c>
      <c r="B154" s="9" t="s">
        <v>307</v>
      </c>
      <c r="C154" s="20">
        <v>5117</v>
      </c>
      <c r="D154" s="20">
        <v>5732</v>
      </c>
      <c r="E154" s="20">
        <v>5096</v>
      </c>
      <c r="F154" s="20">
        <v>5231</v>
      </c>
      <c r="G154" s="10">
        <v>-7.3000000000000001E-3</v>
      </c>
      <c r="H154" s="20">
        <v>3657</v>
      </c>
      <c r="I154" s="20">
        <v>3926</v>
      </c>
      <c r="J154" s="20">
        <v>3589</v>
      </c>
      <c r="K154" s="20">
        <v>3460</v>
      </c>
      <c r="L154" s="10">
        <v>1.9E-2</v>
      </c>
      <c r="M154" s="10">
        <v>0.2923</v>
      </c>
      <c r="N154" s="10">
        <v>0.30570000000000003</v>
      </c>
      <c r="O154" s="10">
        <v>0.3054</v>
      </c>
      <c r="P154" s="33">
        <v>5.7000000000000002E-3</v>
      </c>
      <c r="Q154" s="10">
        <v>0.28320000000000001</v>
      </c>
      <c r="R154" s="10">
        <v>6.54E-2</v>
      </c>
      <c r="S154" s="21">
        <v>4052</v>
      </c>
      <c r="T154" s="20">
        <v>3657</v>
      </c>
      <c r="U154" s="20">
        <v>1511</v>
      </c>
      <c r="V154" s="20">
        <v>1611</v>
      </c>
    </row>
    <row r="155" spans="1:22" x14ac:dyDescent="0.25">
      <c r="A155" s="17">
        <v>7</v>
      </c>
      <c r="B155" s="16" t="s">
        <v>145</v>
      </c>
      <c r="C155" s="1">
        <v>1425</v>
      </c>
      <c r="D155" s="1">
        <v>1433</v>
      </c>
      <c r="E155" s="1">
        <v>1284</v>
      </c>
      <c r="F155" s="1">
        <v>1110</v>
      </c>
      <c r="G155" s="2">
        <v>9.4530329077173694E-2</v>
      </c>
      <c r="H155" s="1">
        <v>1143</v>
      </c>
      <c r="I155" s="1">
        <v>1153</v>
      </c>
      <c r="J155" s="1">
        <v>965</v>
      </c>
      <c r="K155" s="1">
        <v>995</v>
      </c>
      <c r="L155" s="2">
        <v>4.9796726510944862E-2</v>
      </c>
      <c r="M155" s="2">
        <v>0.19795452185650503</v>
      </c>
      <c r="N155" s="2">
        <v>0.2456518081312293</v>
      </c>
      <c r="O155" s="2">
        <v>0.22940492403014034</v>
      </c>
      <c r="P155" s="34">
        <v>1.8546136918698463E-3</v>
      </c>
      <c r="Q155" s="2">
        <v>6.6788130670385887E-2</v>
      </c>
      <c r="R155" s="2">
        <v>0</v>
      </c>
      <c r="S155" s="19">
        <v>594</v>
      </c>
      <c r="T155" s="18">
        <v>1425</v>
      </c>
      <c r="U155" s="18">
        <v>282</v>
      </c>
      <c r="V155" s="18">
        <v>372</v>
      </c>
    </row>
    <row r="156" spans="1:22" x14ac:dyDescent="0.25">
      <c r="A156" s="22">
        <v>7</v>
      </c>
      <c r="B156" s="23" t="s">
        <v>146</v>
      </c>
      <c r="C156" s="24">
        <v>9789</v>
      </c>
      <c r="D156" s="24">
        <v>11130</v>
      </c>
      <c r="E156" s="24">
        <v>11188</v>
      </c>
      <c r="F156" s="24">
        <v>10717</v>
      </c>
      <c r="G156" s="25">
        <v>-2.8857718161010622E-2</v>
      </c>
      <c r="H156" s="24">
        <v>5002</v>
      </c>
      <c r="I156" s="24">
        <v>5223</v>
      </c>
      <c r="J156" s="24">
        <v>5259</v>
      </c>
      <c r="K156" s="24">
        <v>5252</v>
      </c>
      <c r="L156" s="25">
        <v>-1.591143755945593E-2</v>
      </c>
      <c r="M156" s="25">
        <v>0.48904386051654547</v>
      </c>
      <c r="N156" s="25">
        <v>0.53432090719499481</v>
      </c>
      <c r="O156" s="25">
        <v>0.53994198471023502</v>
      </c>
      <c r="P156" s="35">
        <v>4.7421151189946942E-4</v>
      </c>
      <c r="Q156" s="25">
        <v>0.22495607583631108</v>
      </c>
      <c r="R156" s="25">
        <v>1.4822100369280677E-2</v>
      </c>
      <c r="S156" s="26">
        <v>14835</v>
      </c>
      <c r="T156" s="27">
        <v>9789</v>
      </c>
      <c r="U156" s="27">
        <v>4787</v>
      </c>
      <c r="V156" s="27">
        <v>5739</v>
      </c>
    </row>
    <row r="157" spans="1:22" x14ac:dyDescent="0.25">
      <c r="A157" s="17">
        <v>7</v>
      </c>
      <c r="B157" s="16" t="s">
        <v>147</v>
      </c>
      <c r="C157" s="1">
        <v>6318</v>
      </c>
      <c r="D157" s="1">
        <v>4659</v>
      </c>
      <c r="E157" s="1">
        <v>4510</v>
      </c>
      <c r="F157" s="1">
        <v>3951</v>
      </c>
      <c r="G157" s="2">
        <v>0.19966362935923807</v>
      </c>
      <c r="H157" s="1">
        <v>3909</v>
      </c>
      <c r="I157" s="1">
        <v>2967</v>
      </c>
      <c r="J157" s="1">
        <v>2573</v>
      </c>
      <c r="K157" s="1">
        <v>2384</v>
      </c>
      <c r="L157" s="2">
        <v>0.21326437136448059</v>
      </c>
      <c r="M157" s="2">
        <v>0.38585610825011918</v>
      </c>
      <c r="N157" s="2">
        <v>0.38586228271664402</v>
      </c>
      <c r="O157" s="2">
        <v>0.39517857787479233</v>
      </c>
      <c r="P157" s="34">
        <v>1.8281797679050178E-4</v>
      </c>
      <c r="Q157" s="2">
        <v>0.49848502264490058</v>
      </c>
      <c r="R157" s="2">
        <v>2.6878044513727301E-2</v>
      </c>
      <c r="S157" s="19">
        <v>6602</v>
      </c>
      <c r="T157" s="18">
        <v>6366</v>
      </c>
      <c r="U157" s="18">
        <v>2456</v>
      </c>
      <c r="V157" s="18">
        <v>2456</v>
      </c>
    </row>
    <row r="158" spans="1:22" x14ac:dyDescent="0.25">
      <c r="A158" s="22">
        <v>7</v>
      </c>
      <c r="B158" s="23" t="s">
        <v>148</v>
      </c>
      <c r="C158" s="24">
        <v>3732</v>
      </c>
      <c r="D158" s="24">
        <v>4211</v>
      </c>
      <c r="E158" s="24">
        <v>3482</v>
      </c>
      <c r="F158" s="24">
        <v>3170</v>
      </c>
      <c r="G158" s="25">
        <v>5.9093657012385399E-2</v>
      </c>
      <c r="H158" s="24">
        <v>2646</v>
      </c>
      <c r="I158" s="24">
        <v>3044</v>
      </c>
      <c r="J158" s="24">
        <v>2700</v>
      </c>
      <c r="K158" s="24">
        <v>3269</v>
      </c>
      <c r="L158" s="25">
        <v>-6.3578789981071651E-2</v>
      </c>
      <c r="M158" s="25">
        <v>0.29106957675147715</v>
      </c>
      <c r="N158" s="25">
        <v>0.29106957675147715</v>
      </c>
      <c r="O158" s="25">
        <v>0.26567479505296548</v>
      </c>
      <c r="P158" s="35">
        <v>4.053953435920717E-3</v>
      </c>
      <c r="Q158" s="25">
        <v>0.76449991291182662</v>
      </c>
      <c r="R158" s="25">
        <v>2.6000509130860031E-3</v>
      </c>
      <c r="S158" s="26">
        <v>2756</v>
      </c>
      <c r="T158" s="27">
        <v>3732</v>
      </c>
      <c r="U158" s="27">
        <v>1086</v>
      </c>
      <c r="V158" s="27">
        <v>1086</v>
      </c>
    </row>
    <row r="159" spans="1:22" x14ac:dyDescent="0.25">
      <c r="A159" s="17">
        <v>7</v>
      </c>
      <c r="B159" s="16" t="s">
        <v>149</v>
      </c>
      <c r="C159" s="1">
        <v>1424</v>
      </c>
      <c r="D159" s="1">
        <v>2496</v>
      </c>
      <c r="E159" s="1">
        <v>2479</v>
      </c>
      <c r="F159" s="1">
        <v>2592</v>
      </c>
      <c r="G159" s="2">
        <v>-0.15020142828628283</v>
      </c>
      <c r="H159" s="1">
        <v>1301</v>
      </c>
      <c r="I159" s="1">
        <v>1712</v>
      </c>
      <c r="J159" s="1">
        <v>1582</v>
      </c>
      <c r="K159" s="1">
        <v>1774</v>
      </c>
      <c r="L159" s="2">
        <v>-8.8741978256599949E-2</v>
      </c>
      <c r="M159" s="2">
        <v>8.6057880369707365E-2</v>
      </c>
      <c r="N159" s="2">
        <v>0.11636408573209467</v>
      </c>
      <c r="O159" s="2">
        <v>0.2872820479098343</v>
      </c>
      <c r="P159" s="34">
        <v>1.1154125878386314E-2</v>
      </c>
      <c r="Q159" s="2">
        <v>0.40889099860603634</v>
      </c>
      <c r="R159" s="2">
        <v>5.0373524812963998E-2</v>
      </c>
      <c r="S159" s="19">
        <v>3442</v>
      </c>
      <c r="T159" s="18">
        <v>1424</v>
      </c>
      <c r="U159" s="18">
        <v>123</v>
      </c>
      <c r="V159" s="18">
        <v>171</v>
      </c>
    </row>
    <row r="160" spans="1:22" x14ac:dyDescent="0.25">
      <c r="A160" s="22">
        <v>7</v>
      </c>
      <c r="B160" s="23" t="s">
        <v>150</v>
      </c>
      <c r="C160" s="24">
        <v>1104</v>
      </c>
      <c r="D160" s="24">
        <v>1280</v>
      </c>
      <c r="E160" s="24">
        <v>1239</v>
      </c>
      <c r="F160" s="24">
        <v>1187</v>
      </c>
      <c r="G160" s="25">
        <v>-2.3406364853219536E-2</v>
      </c>
      <c r="H160" s="24">
        <v>222</v>
      </c>
      <c r="I160" s="24">
        <v>928</v>
      </c>
      <c r="J160" s="24">
        <v>919</v>
      </c>
      <c r="K160" s="24">
        <v>304</v>
      </c>
      <c r="L160" s="25">
        <v>-8.9740295111204835E-2</v>
      </c>
      <c r="M160" s="25">
        <v>0.79904145394584847</v>
      </c>
      <c r="N160" s="25">
        <v>0.79904145394584847</v>
      </c>
      <c r="O160" s="25">
        <v>0.42907162304549423</v>
      </c>
      <c r="P160" s="35">
        <v>1.9372346065977561E-3</v>
      </c>
      <c r="Q160" s="25">
        <v>0.23456654782990791</v>
      </c>
      <c r="R160" s="25">
        <v>1.9352120715194947E-3</v>
      </c>
      <c r="S160" s="26">
        <v>1693</v>
      </c>
      <c r="T160" s="27">
        <v>1104</v>
      </c>
      <c r="U160" s="27">
        <v>882</v>
      </c>
      <c r="V160" s="27">
        <v>882</v>
      </c>
    </row>
    <row r="161" spans="1:22" x14ac:dyDescent="0.25">
      <c r="A161" s="17">
        <v>7</v>
      </c>
      <c r="B161" s="16" t="s">
        <v>151</v>
      </c>
      <c r="C161" s="1">
        <v>5434</v>
      </c>
      <c r="D161" s="1">
        <v>6686</v>
      </c>
      <c r="E161" s="1">
        <v>6028</v>
      </c>
      <c r="F161" s="1">
        <v>6124</v>
      </c>
      <c r="G161" s="2">
        <v>-3.7550896135009733E-2</v>
      </c>
      <c r="H161" s="1">
        <v>3652</v>
      </c>
      <c r="I161" s="1">
        <v>4658</v>
      </c>
      <c r="J161" s="1">
        <v>4072</v>
      </c>
      <c r="K161" s="1">
        <v>3895</v>
      </c>
      <c r="L161" s="2">
        <v>-2.0765840223214874E-2</v>
      </c>
      <c r="M161" s="2">
        <v>0.32794708815953488</v>
      </c>
      <c r="N161" s="2">
        <v>0.32794708815953488</v>
      </c>
      <c r="O161" s="2">
        <v>0.31774301581413678</v>
      </c>
      <c r="P161" s="34">
        <v>-1.1434493144290906E-3</v>
      </c>
      <c r="Q161" s="2">
        <v>0.4107600818550336</v>
      </c>
      <c r="R161" s="2">
        <v>1.263688524211528E-2</v>
      </c>
      <c r="S161" s="19">
        <v>3350</v>
      </c>
      <c r="T161" s="18">
        <v>5434</v>
      </c>
      <c r="U161" s="18">
        <v>1782</v>
      </c>
      <c r="V161" s="18">
        <v>1782</v>
      </c>
    </row>
    <row r="162" spans="1:22" x14ac:dyDescent="0.25">
      <c r="A162" s="22">
        <v>7</v>
      </c>
      <c r="B162" s="23" t="s">
        <v>152</v>
      </c>
      <c r="C162" s="24">
        <v>4093</v>
      </c>
      <c r="D162" s="24">
        <v>4078</v>
      </c>
      <c r="E162" s="24">
        <v>2268</v>
      </c>
      <c r="F162" s="29" t="s">
        <v>61</v>
      </c>
      <c r="G162" s="29" t="s">
        <v>61</v>
      </c>
      <c r="H162" s="24">
        <v>2717</v>
      </c>
      <c r="I162" s="24">
        <v>3101</v>
      </c>
      <c r="J162" s="24">
        <v>2412</v>
      </c>
      <c r="K162" s="29" t="s">
        <v>61</v>
      </c>
      <c r="L162" s="29" t="s">
        <v>61</v>
      </c>
      <c r="M162" s="25">
        <v>0.33626692042985007</v>
      </c>
      <c r="N162" s="25">
        <v>0.33626692042985007</v>
      </c>
      <c r="O162" s="25">
        <v>0.2116573332109776</v>
      </c>
      <c r="P162" s="35">
        <v>6.4558543655392783E-4</v>
      </c>
      <c r="Q162" s="25">
        <v>0</v>
      </c>
      <c r="R162" s="25">
        <v>0.67435502676793579</v>
      </c>
      <c r="S162" s="26">
        <v>1892</v>
      </c>
      <c r="T162" s="27">
        <v>4093</v>
      </c>
      <c r="U162" s="27">
        <v>1376</v>
      </c>
      <c r="V162" s="27">
        <v>1376</v>
      </c>
    </row>
    <row r="163" spans="1:22" x14ac:dyDescent="0.25">
      <c r="A163" s="17">
        <v>7</v>
      </c>
      <c r="B163" s="16" t="s">
        <v>153</v>
      </c>
      <c r="C163" s="1">
        <v>4252</v>
      </c>
      <c r="D163" s="1">
        <v>5556</v>
      </c>
      <c r="E163" s="1">
        <v>5039</v>
      </c>
      <c r="F163" s="1">
        <v>5814</v>
      </c>
      <c r="G163" s="2">
        <v>-8.9565903104987243E-2</v>
      </c>
      <c r="H163" s="1">
        <v>2376</v>
      </c>
      <c r="I163" s="1">
        <v>2590</v>
      </c>
      <c r="J163" s="1">
        <v>2433</v>
      </c>
      <c r="K163" s="1">
        <v>2629</v>
      </c>
      <c r="L163" s="2">
        <v>-3.2102981934971582E-2</v>
      </c>
      <c r="M163" s="2">
        <v>0.44127497757375028</v>
      </c>
      <c r="N163" s="2">
        <v>0.52251633678859266</v>
      </c>
      <c r="O163" s="2">
        <v>0.5250960621191112</v>
      </c>
      <c r="P163" s="34">
        <v>9.1211954229633765E-3</v>
      </c>
      <c r="Q163" s="2">
        <v>0.42454478358610198</v>
      </c>
      <c r="R163" s="2">
        <v>8.6000610577287185E-3</v>
      </c>
      <c r="S163" s="19">
        <v>8430</v>
      </c>
      <c r="T163" s="18">
        <v>4252</v>
      </c>
      <c r="U163" s="18">
        <v>1876</v>
      </c>
      <c r="V163" s="18">
        <v>2600</v>
      </c>
    </row>
    <row r="164" spans="1:22" x14ac:dyDescent="0.25">
      <c r="A164" s="22">
        <v>7</v>
      </c>
      <c r="B164" s="23" t="s">
        <v>154</v>
      </c>
      <c r="C164" s="24">
        <v>6890</v>
      </c>
      <c r="D164" s="24">
        <v>5462</v>
      </c>
      <c r="E164" s="24">
        <v>5100</v>
      </c>
      <c r="F164" s="24">
        <v>5706</v>
      </c>
      <c r="G164" s="25">
        <v>6.9123542106411445E-2</v>
      </c>
      <c r="H164" s="24">
        <v>3828</v>
      </c>
      <c r="I164" s="24">
        <v>3601</v>
      </c>
      <c r="J164" s="24">
        <v>3244</v>
      </c>
      <c r="K164" s="24">
        <v>3103</v>
      </c>
      <c r="L164" s="25">
        <v>7.7898780202302939E-2</v>
      </c>
      <c r="M164" s="25">
        <v>0.44996015770220954</v>
      </c>
      <c r="N164" s="25">
        <v>0.44996015770220954</v>
      </c>
      <c r="O164" s="25">
        <v>0.39109612941374883</v>
      </c>
      <c r="P164" s="35">
        <v>8.6523443263276014E-3</v>
      </c>
      <c r="Q164" s="25">
        <v>0.15289917736148981</v>
      </c>
      <c r="R164" s="25">
        <v>1.0818919960021958E-2</v>
      </c>
      <c r="S164" s="26">
        <v>4943</v>
      </c>
      <c r="T164" s="27">
        <v>6959</v>
      </c>
      <c r="U164" s="27">
        <v>3131</v>
      </c>
      <c r="V164" s="27">
        <v>3131</v>
      </c>
    </row>
    <row r="165" spans="1:22" x14ac:dyDescent="0.25">
      <c r="A165" s="17">
        <v>7</v>
      </c>
      <c r="B165" s="16" t="s">
        <v>155</v>
      </c>
      <c r="C165" s="1">
        <v>10665</v>
      </c>
      <c r="D165" s="1">
        <v>11237</v>
      </c>
      <c r="E165" s="1">
        <v>9613</v>
      </c>
      <c r="F165" s="1">
        <v>12702</v>
      </c>
      <c r="G165" s="2">
        <v>-5.3456148638009765E-2</v>
      </c>
      <c r="H165" s="1">
        <v>9543</v>
      </c>
      <c r="I165" s="1">
        <v>10439</v>
      </c>
      <c r="J165" s="1">
        <v>10213</v>
      </c>
      <c r="K165" s="1">
        <v>10154</v>
      </c>
      <c r="L165" s="2">
        <v>-2.0057776902370168E-2</v>
      </c>
      <c r="M165" s="2">
        <v>0.10520393811533052</v>
      </c>
      <c r="N165" s="2">
        <v>0.10520393811533052</v>
      </c>
      <c r="O165" s="2">
        <v>4.1884816753926704E-2</v>
      </c>
      <c r="P165" s="34">
        <v>1.2731146409557125E-2</v>
      </c>
      <c r="Q165" s="2">
        <v>0.26601031411157994</v>
      </c>
      <c r="R165" s="2">
        <v>5.4571026722925457E-2</v>
      </c>
      <c r="S165" s="19">
        <v>3828</v>
      </c>
      <c r="T165" s="18">
        <v>10665</v>
      </c>
      <c r="U165" s="18">
        <v>1122</v>
      </c>
      <c r="V165" s="18">
        <v>1122</v>
      </c>
    </row>
    <row r="166" spans="1:22" x14ac:dyDescent="0.25">
      <c r="A166" s="22">
        <v>7</v>
      </c>
      <c r="B166" s="23" t="s">
        <v>156</v>
      </c>
      <c r="C166" s="24">
        <v>529</v>
      </c>
      <c r="D166" s="24">
        <v>614</v>
      </c>
      <c r="E166" s="24">
        <v>545</v>
      </c>
      <c r="F166" s="24">
        <v>588</v>
      </c>
      <c r="G166" s="25">
        <v>-3.35889004377019E-2</v>
      </c>
      <c r="H166" s="24">
        <v>570</v>
      </c>
      <c r="I166" s="24">
        <v>591</v>
      </c>
      <c r="J166" s="24">
        <v>558</v>
      </c>
      <c r="K166" s="24">
        <v>561</v>
      </c>
      <c r="L166" s="25">
        <v>5.7146696539208909E-3</v>
      </c>
      <c r="M166" s="25">
        <v>-7.871050003026818E-2</v>
      </c>
      <c r="N166" s="25">
        <v>-7.871050003026818E-2</v>
      </c>
      <c r="O166" s="25">
        <v>-1.8727348457962114E-2</v>
      </c>
      <c r="P166" s="35">
        <v>2.4012122404503903E-2</v>
      </c>
      <c r="Q166" s="25">
        <v>0.25743272897875175</v>
      </c>
      <c r="R166" s="25">
        <v>3.6321811247654219E-4</v>
      </c>
      <c r="S166" s="26">
        <v>291</v>
      </c>
      <c r="T166" s="27">
        <v>529</v>
      </c>
      <c r="U166" s="27">
        <v>-42</v>
      </c>
      <c r="V166" s="27">
        <v>-42</v>
      </c>
    </row>
    <row r="167" spans="1:22" x14ac:dyDescent="0.25">
      <c r="A167" s="17">
        <v>7</v>
      </c>
      <c r="B167" s="16" t="s">
        <v>157</v>
      </c>
      <c r="C167" s="1">
        <v>14706</v>
      </c>
      <c r="D167" s="1">
        <v>16518</v>
      </c>
      <c r="E167" s="1">
        <v>15871</v>
      </c>
      <c r="F167" s="1">
        <v>14514</v>
      </c>
      <c r="G167" s="2">
        <v>4.4095356207799362E-3</v>
      </c>
      <c r="H167" s="1">
        <v>7061</v>
      </c>
      <c r="I167" s="1">
        <v>7488</v>
      </c>
      <c r="J167" s="1">
        <v>8364</v>
      </c>
      <c r="K167" s="1">
        <v>6538</v>
      </c>
      <c r="L167" s="2">
        <v>2.6664627307025596E-2</v>
      </c>
      <c r="M167" s="2">
        <v>0.51985584115327077</v>
      </c>
      <c r="N167" s="2">
        <v>0.51985584115327077</v>
      </c>
      <c r="O167" s="2">
        <v>0.51347276780974627</v>
      </c>
      <c r="P167" s="34">
        <v>1.3020618200829413E-2</v>
      </c>
      <c r="Q167" s="2">
        <v>0.17360261117911058</v>
      </c>
      <c r="R167" s="2">
        <v>3.712770297837617E-2</v>
      </c>
      <c r="S167" s="19">
        <v>3279</v>
      </c>
      <c r="T167" s="18">
        <v>14706</v>
      </c>
      <c r="U167" s="18">
        <v>7645</v>
      </c>
      <c r="V167" s="18">
        <v>7645</v>
      </c>
    </row>
    <row r="168" spans="1:22" x14ac:dyDescent="0.25">
      <c r="A168" s="22">
        <v>7</v>
      </c>
      <c r="B168" s="23" t="s">
        <v>158</v>
      </c>
      <c r="C168" s="24">
        <v>7236</v>
      </c>
      <c r="D168" s="24">
        <v>8062</v>
      </c>
      <c r="E168" s="24">
        <v>6596</v>
      </c>
      <c r="F168" s="24">
        <v>6022</v>
      </c>
      <c r="G168" s="25">
        <v>6.7198051588619509E-2</v>
      </c>
      <c r="H168" s="24">
        <v>5086</v>
      </c>
      <c r="I168" s="24">
        <v>6912</v>
      </c>
      <c r="J168" s="24">
        <v>6783</v>
      </c>
      <c r="K168" s="24">
        <v>5701</v>
      </c>
      <c r="L168" s="25">
        <v>-3.5958603753727413E-2</v>
      </c>
      <c r="M168" s="25">
        <v>0.29712548369264785</v>
      </c>
      <c r="N168" s="25">
        <v>0.29712548369264785</v>
      </c>
      <c r="O168" s="25">
        <v>0.14218507353612861</v>
      </c>
      <c r="P168" s="35">
        <v>1.1097747988887496E-2</v>
      </c>
      <c r="Q168" s="25">
        <v>0</v>
      </c>
      <c r="R168" s="25">
        <v>0.13211719181868437</v>
      </c>
      <c r="S168" s="26">
        <v>2603</v>
      </c>
      <c r="T168" s="27">
        <v>7236</v>
      </c>
      <c r="U168" s="27">
        <v>2150</v>
      </c>
      <c r="V168" s="27">
        <v>2150</v>
      </c>
    </row>
    <row r="169" spans="1:22" x14ac:dyDescent="0.25">
      <c r="A169" s="17">
        <v>7</v>
      </c>
      <c r="B169" s="16" t="s">
        <v>159</v>
      </c>
      <c r="C169" s="1">
        <v>2305</v>
      </c>
      <c r="D169" s="1">
        <v>2544</v>
      </c>
      <c r="E169" s="1">
        <v>2542</v>
      </c>
      <c r="F169" s="1">
        <v>2465</v>
      </c>
      <c r="G169" s="2">
        <v>-2.1581203515889116E-2</v>
      </c>
      <c r="H169" s="1">
        <v>1430</v>
      </c>
      <c r="I169" s="1">
        <v>1924</v>
      </c>
      <c r="J169" s="1">
        <v>1891</v>
      </c>
      <c r="K169" s="1">
        <v>1837</v>
      </c>
      <c r="L169" s="2">
        <v>-7.390379431527698E-2</v>
      </c>
      <c r="M169" s="2">
        <v>0.37982056964345123</v>
      </c>
      <c r="N169" s="2">
        <v>0.37982056964345123</v>
      </c>
      <c r="O169" s="2">
        <v>0.2903571006282995</v>
      </c>
      <c r="P169" s="34">
        <v>0</v>
      </c>
      <c r="Q169" s="2">
        <v>0.78560532761132218</v>
      </c>
      <c r="R169" s="2">
        <v>4.9047085201793725E-3</v>
      </c>
      <c r="S169" s="19">
        <v>2420</v>
      </c>
      <c r="T169" s="18">
        <v>2305</v>
      </c>
      <c r="U169" s="18">
        <v>876</v>
      </c>
      <c r="V169" s="18">
        <v>876</v>
      </c>
    </row>
    <row r="170" spans="1:22" x14ac:dyDescent="0.25">
      <c r="A170" s="22">
        <v>7</v>
      </c>
      <c r="B170" s="23" t="s">
        <v>160</v>
      </c>
      <c r="C170" s="24">
        <v>970</v>
      </c>
      <c r="D170" s="24">
        <v>1174</v>
      </c>
      <c r="E170" s="24">
        <v>1210</v>
      </c>
      <c r="F170" s="24">
        <v>997</v>
      </c>
      <c r="G170" s="25">
        <v>-9.2928069637237005E-3</v>
      </c>
      <c r="H170" s="24">
        <v>568</v>
      </c>
      <c r="I170" s="24">
        <v>754</v>
      </c>
      <c r="J170" s="24">
        <v>717</v>
      </c>
      <c r="K170" s="24">
        <v>552</v>
      </c>
      <c r="L170" s="25">
        <v>9.737114214158564E-3</v>
      </c>
      <c r="M170" s="25">
        <v>0.41387240554995225</v>
      </c>
      <c r="N170" s="25">
        <v>0.44100840137773939</v>
      </c>
      <c r="O170" s="25">
        <v>0.40020621242879834</v>
      </c>
      <c r="P170" s="35">
        <v>0</v>
      </c>
      <c r="Q170" s="25">
        <v>0.54128955726933459</v>
      </c>
      <c r="R170" s="25">
        <v>7.2275026667822026E-2</v>
      </c>
      <c r="S170" s="26">
        <v>2352</v>
      </c>
      <c r="T170" s="27">
        <v>970</v>
      </c>
      <c r="U170" s="27">
        <v>401</v>
      </c>
      <c r="V170" s="27">
        <v>448</v>
      </c>
    </row>
    <row r="171" spans="1:22" x14ac:dyDescent="0.25">
      <c r="A171" s="17">
        <v>7</v>
      </c>
      <c r="B171" s="16" t="s">
        <v>161</v>
      </c>
      <c r="C171" s="1">
        <v>170</v>
      </c>
      <c r="D171" s="1">
        <v>449</v>
      </c>
      <c r="E171" s="1">
        <v>1172</v>
      </c>
      <c r="F171" s="1">
        <v>3210</v>
      </c>
      <c r="G171" s="2">
        <v>-0.31565335149199442</v>
      </c>
      <c r="H171" s="1">
        <v>1262</v>
      </c>
      <c r="I171" s="1">
        <v>1989</v>
      </c>
      <c r="J171" s="1">
        <v>2244</v>
      </c>
      <c r="K171" s="1">
        <v>3093</v>
      </c>
      <c r="L171" s="2">
        <v>-0.19734910763026106</v>
      </c>
      <c r="M171" s="2">
        <v>-6.4100999999999999</v>
      </c>
      <c r="N171" s="2">
        <v>-14.231999999999999</v>
      </c>
      <c r="O171" s="2">
        <v>-2.4058000000000002</v>
      </c>
      <c r="P171" s="34">
        <v>0</v>
      </c>
      <c r="Q171" s="2">
        <v>0.10130223351916327</v>
      </c>
      <c r="R171" s="2">
        <v>0</v>
      </c>
      <c r="S171" s="19">
        <v>156</v>
      </c>
      <c r="T171" s="18">
        <v>170</v>
      </c>
      <c r="U171" s="18">
        <v>-1091</v>
      </c>
      <c r="V171" s="18">
        <v>-1179</v>
      </c>
    </row>
    <row r="172" spans="1:22" x14ac:dyDescent="0.25">
      <c r="A172" s="22">
        <v>7</v>
      </c>
      <c r="B172" s="23" t="s">
        <v>162</v>
      </c>
      <c r="C172" s="24">
        <v>6184</v>
      </c>
      <c r="D172" s="24">
        <v>7255</v>
      </c>
      <c r="E172" s="24">
        <v>7033</v>
      </c>
      <c r="F172" s="24">
        <v>6428</v>
      </c>
      <c r="G172" s="25">
        <v>-1.2662319293538643E-2</v>
      </c>
      <c r="H172" s="24">
        <v>5081</v>
      </c>
      <c r="I172" s="24">
        <v>5709</v>
      </c>
      <c r="J172" s="24">
        <v>5633</v>
      </c>
      <c r="K172" s="24">
        <v>4954</v>
      </c>
      <c r="L172" s="25">
        <v>8.5509287063719967E-3</v>
      </c>
      <c r="M172" s="25">
        <v>0.17838921757214254</v>
      </c>
      <c r="N172" s="25">
        <v>0.20169859386457917</v>
      </c>
      <c r="O172" s="25">
        <v>0.20552966401587053</v>
      </c>
      <c r="P172" s="35">
        <v>6.731137263176647E-3</v>
      </c>
      <c r="Q172" s="25">
        <v>0.32182551825661465</v>
      </c>
      <c r="R172" s="25">
        <v>5.294771335323227E-2</v>
      </c>
      <c r="S172" s="26">
        <v>4995</v>
      </c>
      <c r="T172" s="27">
        <v>6184</v>
      </c>
      <c r="U172" s="27">
        <v>1103</v>
      </c>
      <c r="V172" s="27">
        <v>1284</v>
      </c>
    </row>
    <row r="173" spans="1:22" x14ac:dyDescent="0.25">
      <c r="A173" s="17">
        <v>7</v>
      </c>
      <c r="B173" s="6" t="s">
        <v>163</v>
      </c>
      <c r="C173" s="1">
        <v>764</v>
      </c>
      <c r="D173" s="1">
        <v>624</v>
      </c>
      <c r="E173" s="1">
        <v>806</v>
      </c>
      <c r="F173" s="1">
        <v>624</v>
      </c>
      <c r="G173" s="2">
        <v>7.4809203538309957E-2</v>
      </c>
      <c r="H173" s="1">
        <v>749</v>
      </c>
      <c r="I173" s="1">
        <v>829</v>
      </c>
      <c r="J173" s="1">
        <v>800</v>
      </c>
      <c r="K173" s="1">
        <v>696</v>
      </c>
      <c r="L173" s="2">
        <v>2.5329397033990786E-2</v>
      </c>
      <c r="M173" s="2">
        <v>1.9043292825808918E-2</v>
      </c>
      <c r="N173" s="2">
        <v>1.9043292825808918E-2</v>
      </c>
      <c r="O173" s="2">
        <v>-8.4143865350126593E-2</v>
      </c>
      <c r="P173" s="34">
        <v>0</v>
      </c>
      <c r="Q173" s="2">
        <v>0.43051027717503493</v>
      </c>
      <c r="R173" s="2">
        <v>0.11757274691237646</v>
      </c>
      <c r="S173" s="19">
        <v>1032</v>
      </c>
      <c r="T173" s="18">
        <v>764</v>
      </c>
      <c r="U173" s="18">
        <v>15</v>
      </c>
      <c r="V173" s="18">
        <v>15</v>
      </c>
    </row>
    <row r="174" spans="1:22" x14ac:dyDescent="0.25">
      <c r="A174" s="22">
        <v>7</v>
      </c>
      <c r="B174" s="23" t="s">
        <v>164</v>
      </c>
      <c r="C174" s="24">
        <v>1441</v>
      </c>
      <c r="D174" s="24">
        <v>1045</v>
      </c>
      <c r="E174" s="24">
        <v>1013</v>
      </c>
      <c r="F174" s="24">
        <v>1468</v>
      </c>
      <c r="G174" s="25">
        <v>-6.1419682006710894E-3</v>
      </c>
      <c r="H174" s="24">
        <v>873</v>
      </c>
      <c r="I174" s="24">
        <v>921</v>
      </c>
      <c r="J174" s="24">
        <v>882</v>
      </c>
      <c r="K174" s="24">
        <v>1115</v>
      </c>
      <c r="L174" s="25">
        <v>-7.252825346278062E-2</v>
      </c>
      <c r="M174" s="25">
        <v>0.39420971124218129</v>
      </c>
      <c r="N174" s="25">
        <v>0.39420971124218129</v>
      </c>
      <c r="O174" s="25">
        <v>0.23513116329114395</v>
      </c>
      <c r="P174" s="35">
        <v>0</v>
      </c>
      <c r="Q174" s="25">
        <v>0.45739990934452485</v>
      </c>
      <c r="R174" s="25">
        <v>0.13807675728280691</v>
      </c>
      <c r="S174" s="26">
        <v>1798</v>
      </c>
      <c r="T174" s="27">
        <v>1441</v>
      </c>
      <c r="U174" s="27">
        <v>568</v>
      </c>
      <c r="V174" s="27">
        <v>568</v>
      </c>
    </row>
    <row r="175" spans="1:22" x14ac:dyDescent="0.25">
      <c r="A175" s="17">
        <v>7</v>
      </c>
      <c r="B175" s="16" t="s">
        <v>165</v>
      </c>
      <c r="C175" s="1">
        <v>543</v>
      </c>
      <c r="D175" s="1">
        <v>757</v>
      </c>
      <c r="E175" s="1">
        <v>913</v>
      </c>
      <c r="F175" s="1">
        <v>1092</v>
      </c>
      <c r="G175" s="2">
        <v>-0.16753062781176542</v>
      </c>
      <c r="H175" s="1">
        <v>565</v>
      </c>
      <c r="I175" s="1">
        <v>673</v>
      </c>
      <c r="J175" s="1">
        <v>742</v>
      </c>
      <c r="K175" s="1">
        <v>734</v>
      </c>
      <c r="L175" s="2">
        <v>-7.6935928569709863E-2</v>
      </c>
      <c r="M175" s="2">
        <v>-3.9677762007065527E-2</v>
      </c>
      <c r="N175" s="2">
        <v>-3.9677762007065527E-2</v>
      </c>
      <c r="O175" s="2">
        <v>0.10594499318354909</v>
      </c>
      <c r="P175" s="34">
        <v>0</v>
      </c>
      <c r="Q175" s="2">
        <v>0.39961082545871601</v>
      </c>
      <c r="R175" s="2">
        <v>0.25081691675825341</v>
      </c>
      <c r="S175" s="19">
        <v>831</v>
      </c>
      <c r="T175" s="18">
        <v>543</v>
      </c>
      <c r="U175" s="18">
        <v>-22</v>
      </c>
      <c r="V175" s="18">
        <v>-22</v>
      </c>
    </row>
    <row r="176" spans="1:22" x14ac:dyDescent="0.25">
      <c r="A176" s="22">
        <v>7</v>
      </c>
      <c r="B176" s="23" t="s">
        <v>166</v>
      </c>
      <c r="C176" s="24">
        <v>15252</v>
      </c>
      <c r="D176" s="24">
        <v>19341</v>
      </c>
      <c r="E176" s="24">
        <v>19592</v>
      </c>
      <c r="F176" s="24">
        <v>20520</v>
      </c>
      <c r="G176" s="25">
        <v>-8.5580408117331044E-2</v>
      </c>
      <c r="H176" s="24">
        <v>13979</v>
      </c>
      <c r="I176" s="24">
        <v>14713</v>
      </c>
      <c r="J176" s="24">
        <v>14813</v>
      </c>
      <c r="K176" s="24">
        <v>14054</v>
      </c>
      <c r="L176" s="25">
        <v>-1.7808697450668702E-3</v>
      </c>
      <c r="M176" s="25">
        <v>8.3488751138464795E-2</v>
      </c>
      <c r="N176" s="25">
        <v>9.0974020530920227E-2</v>
      </c>
      <c r="O176" s="25">
        <v>0.19943029662854383</v>
      </c>
      <c r="P176" s="35">
        <v>3.8067104527916558E-3</v>
      </c>
      <c r="Q176" s="25">
        <v>0.12434888043822828</v>
      </c>
      <c r="R176" s="25">
        <v>0.17918532483933527</v>
      </c>
      <c r="S176" s="26">
        <v>5980</v>
      </c>
      <c r="T176" s="27">
        <v>15252</v>
      </c>
      <c r="U176" s="27">
        <v>1273</v>
      </c>
      <c r="V176" s="27">
        <v>1399</v>
      </c>
    </row>
    <row r="177" spans="1:22" x14ac:dyDescent="0.25">
      <c r="A177" s="17">
        <v>7</v>
      </c>
      <c r="B177" s="16" t="s">
        <v>167</v>
      </c>
      <c r="C177" s="1">
        <v>14797</v>
      </c>
      <c r="D177" s="1">
        <v>15690</v>
      </c>
      <c r="E177" s="1">
        <v>14467</v>
      </c>
      <c r="F177" s="1">
        <v>12914</v>
      </c>
      <c r="G177" s="2">
        <v>4.8589955948391883E-2</v>
      </c>
      <c r="H177" s="1">
        <v>6564</v>
      </c>
      <c r="I177" s="1">
        <v>6131</v>
      </c>
      <c r="J177" s="1">
        <v>5725</v>
      </c>
      <c r="K177" s="1">
        <v>5378</v>
      </c>
      <c r="L177" s="2">
        <v>7.3481546932178329E-2</v>
      </c>
      <c r="M177" s="2">
        <v>0.5564317293149752</v>
      </c>
      <c r="N177" s="2">
        <v>0.5564317293149752</v>
      </c>
      <c r="O177" s="2">
        <v>0.59026821610335856</v>
      </c>
      <c r="P177" s="34">
        <v>5.1958466124788173E-3</v>
      </c>
      <c r="Q177" s="2">
        <v>0.29342173243658054</v>
      </c>
      <c r="R177" s="2">
        <v>2.2035568216283087E-2</v>
      </c>
      <c r="S177" s="19">
        <v>6750</v>
      </c>
      <c r="T177" s="18">
        <v>14797</v>
      </c>
      <c r="U177" s="18">
        <v>8234</v>
      </c>
      <c r="V177" s="18">
        <v>8234</v>
      </c>
    </row>
    <row r="178" spans="1:22" x14ac:dyDescent="0.25">
      <c r="A178" s="22">
        <v>7</v>
      </c>
      <c r="B178" s="23" t="s">
        <v>168</v>
      </c>
      <c r="C178" s="24">
        <v>12420</v>
      </c>
      <c r="D178" s="24">
        <v>13781</v>
      </c>
      <c r="E178" s="24">
        <v>14770</v>
      </c>
      <c r="F178" s="24">
        <v>14627</v>
      </c>
      <c r="G178" s="25">
        <v>-5.0284646197117235E-2</v>
      </c>
      <c r="H178" s="24">
        <v>10137</v>
      </c>
      <c r="I178" s="24">
        <v>11023</v>
      </c>
      <c r="J178" s="24">
        <v>11618</v>
      </c>
      <c r="K178" s="24">
        <v>11386</v>
      </c>
      <c r="L178" s="25">
        <v>-3.6568065432312037E-2</v>
      </c>
      <c r="M178" s="25">
        <v>0.18382854014363467</v>
      </c>
      <c r="N178" s="25">
        <v>0.22943561110198524</v>
      </c>
      <c r="O178" s="25">
        <v>0.21320926701441992</v>
      </c>
      <c r="P178" s="35">
        <v>1.0835038735793783E-3</v>
      </c>
      <c r="Q178" s="25">
        <v>0.25529451547454191</v>
      </c>
      <c r="R178" s="25">
        <v>9.1091269202280122E-3</v>
      </c>
      <c r="S178" s="26">
        <v>8263</v>
      </c>
      <c r="T178" s="27">
        <v>12420</v>
      </c>
      <c r="U178" s="27">
        <v>2283</v>
      </c>
      <c r="V178" s="27">
        <v>3018</v>
      </c>
    </row>
    <row r="179" spans="1:22" x14ac:dyDescent="0.25">
      <c r="A179" s="17">
        <v>7</v>
      </c>
      <c r="B179" s="16" t="s">
        <v>169</v>
      </c>
      <c r="C179" s="1">
        <v>5564</v>
      </c>
      <c r="D179" s="1">
        <v>5950</v>
      </c>
      <c r="E179" s="1">
        <v>6432</v>
      </c>
      <c r="F179" s="1">
        <v>6718</v>
      </c>
      <c r="G179" s="2">
        <v>-5.7261441260262301E-2</v>
      </c>
      <c r="H179" s="1">
        <v>4634</v>
      </c>
      <c r="I179" s="1">
        <v>4821</v>
      </c>
      <c r="J179" s="1">
        <v>4836</v>
      </c>
      <c r="K179" s="1">
        <v>5024</v>
      </c>
      <c r="L179" s="2">
        <v>-2.5893392535670218E-2</v>
      </c>
      <c r="M179" s="2">
        <v>0.22198371318113452</v>
      </c>
      <c r="N179" s="2">
        <v>0.22201310330550969</v>
      </c>
      <c r="O179" s="2">
        <v>0.22070527198058229</v>
      </c>
      <c r="P179" s="34">
        <v>0</v>
      </c>
      <c r="Q179" s="2">
        <v>0.21546441956588325</v>
      </c>
      <c r="R179" s="2">
        <v>3.2160568818895473E-2</v>
      </c>
      <c r="S179" s="19">
        <v>3444</v>
      </c>
      <c r="T179" s="18">
        <v>5956</v>
      </c>
      <c r="U179" s="18">
        <v>1322</v>
      </c>
      <c r="V179" s="18">
        <v>1322</v>
      </c>
    </row>
    <row r="180" spans="1:22" x14ac:dyDescent="0.25">
      <c r="A180" s="22">
        <v>7</v>
      </c>
      <c r="B180" s="23" t="s">
        <v>170</v>
      </c>
      <c r="C180" s="24">
        <v>3483</v>
      </c>
      <c r="D180" s="24">
        <v>4168</v>
      </c>
      <c r="E180" s="24">
        <v>4132</v>
      </c>
      <c r="F180" s="24">
        <v>4252</v>
      </c>
      <c r="G180" s="25">
        <v>-6.0264434338740118E-2</v>
      </c>
      <c r="H180" s="24">
        <v>2163</v>
      </c>
      <c r="I180" s="24">
        <v>2382</v>
      </c>
      <c r="J180" s="24">
        <v>2293</v>
      </c>
      <c r="K180" s="24">
        <v>2247</v>
      </c>
      <c r="L180" s="25">
        <v>-1.2509033238758736E-2</v>
      </c>
      <c r="M180" s="25">
        <v>0.37904514241272663</v>
      </c>
      <c r="N180" s="25">
        <v>0.41863738050126909</v>
      </c>
      <c r="O180" s="25">
        <v>0.43588002556944655</v>
      </c>
      <c r="P180" s="35">
        <v>1.1330567806126277E-2</v>
      </c>
      <c r="Q180" s="25">
        <v>0.34467666564940896</v>
      </c>
      <c r="R180" s="25">
        <v>3.4886101111586083E-2</v>
      </c>
      <c r="S180" s="26">
        <v>9255</v>
      </c>
      <c r="T180" s="27">
        <v>3483</v>
      </c>
      <c r="U180" s="27">
        <v>1320</v>
      </c>
      <c r="V180" s="27">
        <v>1558</v>
      </c>
    </row>
    <row r="181" spans="1:22" x14ac:dyDescent="0.25">
      <c r="A181" s="17">
        <v>7</v>
      </c>
      <c r="B181" s="16" t="s">
        <v>171</v>
      </c>
      <c r="C181" s="1">
        <v>267</v>
      </c>
      <c r="D181" s="1">
        <v>230</v>
      </c>
      <c r="E181" s="1">
        <v>275</v>
      </c>
      <c r="F181" s="1">
        <v>254</v>
      </c>
      <c r="G181" s="2">
        <v>1.6308769943750665E-2</v>
      </c>
      <c r="H181" s="1">
        <v>266</v>
      </c>
      <c r="I181" s="1">
        <v>229</v>
      </c>
      <c r="J181" s="1">
        <v>275</v>
      </c>
      <c r="K181" s="1">
        <v>255</v>
      </c>
      <c r="L181" s="2">
        <v>1.4771994912158921E-2</v>
      </c>
      <c r="M181" s="2">
        <v>2.1097995128349259E-3</v>
      </c>
      <c r="N181" s="2">
        <v>2.1097995128349259E-3</v>
      </c>
      <c r="O181" s="2">
        <v>6.5335753176043562E-4</v>
      </c>
      <c r="P181" s="34" t="s">
        <v>310</v>
      </c>
      <c r="Q181" s="2">
        <v>0</v>
      </c>
      <c r="R181" s="2">
        <v>0</v>
      </c>
      <c r="S181" s="19">
        <v>170</v>
      </c>
      <c r="T181" s="18">
        <v>267</v>
      </c>
      <c r="U181" s="18">
        <v>1</v>
      </c>
      <c r="V181" s="18">
        <v>1</v>
      </c>
    </row>
    <row r="182" spans="1:22" x14ac:dyDescent="0.25">
      <c r="A182" s="22">
        <v>7</v>
      </c>
      <c r="B182" s="23" t="s">
        <v>172</v>
      </c>
      <c r="C182" s="24">
        <v>13327</v>
      </c>
      <c r="D182" s="24">
        <v>14052</v>
      </c>
      <c r="E182" s="24">
        <v>6376</v>
      </c>
      <c r="F182" s="29" t="s">
        <v>61</v>
      </c>
      <c r="G182" s="29" t="s">
        <v>61</v>
      </c>
      <c r="H182" s="24">
        <v>11079</v>
      </c>
      <c r="I182" s="24">
        <v>10467</v>
      </c>
      <c r="J182" s="24">
        <v>4904</v>
      </c>
      <c r="K182" s="29" t="s">
        <v>61</v>
      </c>
      <c r="L182" s="29" t="s">
        <v>61</v>
      </c>
      <c r="M182" s="25">
        <v>0.21708047539832065</v>
      </c>
      <c r="N182" s="25">
        <v>0.20993482271144254</v>
      </c>
      <c r="O182" s="25">
        <v>0.23376298237019136</v>
      </c>
      <c r="P182" s="35">
        <v>1.3511031024242644E-2</v>
      </c>
      <c r="Q182" s="25">
        <v>0.34979278710645983</v>
      </c>
      <c r="R182" s="25">
        <v>5.3429277345033777E-2</v>
      </c>
      <c r="S182" s="26">
        <v>10921</v>
      </c>
      <c r="T182" s="27">
        <v>14151</v>
      </c>
      <c r="U182" s="27">
        <v>3072</v>
      </c>
      <c r="V182" s="27">
        <v>2944</v>
      </c>
    </row>
    <row r="183" spans="1:22" x14ac:dyDescent="0.25">
      <c r="A183" s="17">
        <v>7</v>
      </c>
      <c r="B183" s="16" t="s">
        <v>173</v>
      </c>
      <c r="C183" s="1">
        <v>815</v>
      </c>
      <c r="D183" s="1">
        <v>1033</v>
      </c>
      <c r="E183" s="1">
        <v>1045</v>
      </c>
      <c r="F183" s="1">
        <v>1070</v>
      </c>
      <c r="G183" s="2">
        <v>-7.9436854565625992E-2</v>
      </c>
      <c r="H183" s="1">
        <v>1026</v>
      </c>
      <c r="I183" s="1">
        <v>1124</v>
      </c>
      <c r="J183" s="1">
        <v>1040</v>
      </c>
      <c r="K183" s="1">
        <v>926</v>
      </c>
      <c r="L183" s="2">
        <v>3.6122232731973979E-2</v>
      </c>
      <c r="M183" s="2">
        <v>-0.25957425399965151</v>
      </c>
      <c r="N183" s="2">
        <v>-7.4999999999999997E-2</v>
      </c>
      <c r="O183" s="2">
        <v>-5.2600000000000001E-2</v>
      </c>
      <c r="P183" s="34">
        <v>0</v>
      </c>
      <c r="Q183" s="2">
        <v>0.66409921638979763</v>
      </c>
      <c r="R183" s="2">
        <v>3.0900206884873355E-2</v>
      </c>
      <c r="S183" s="19">
        <v>1164</v>
      </c>
      <c r="T183" s="18">
        <v>815</v>
      </c>
      <c r="U183" s="18">
        <v>-212</v>
      </c>
      <c r="V183" s="18">
        <v>-72</v>
      </c>
    </row>
    <row r="184" spans="1:22" x14ac:dyDescent="0.25">
      <c r="A184" s="22">
        <v>7</v>
      </c>
      <c r="B184" s="23" t="s">
        <v>174</v>
      </c>
      <c r="C184" s="24">
        <v>2721</v>
      </c>
      <c r="D184" s="24">
        <v>3893</v>
      </c>
      <c r="E184" s="24">
        <v>3452</v>
      </c>
      <c r="F184" s="24">
        <v>3304</v>
      </c>
      <c r="G184" s="25">
        <v>-5.875295912945544E-2</v>
      </c>
      <c r="H184" s="24">
        <v>1865</v>
      </c>
      <c r="I184" s="24">
        <v>2203</v>
      </c>
      <c r="J184" s="24">
        <v>2063</v>
      </c>
      <c r="K184" s="24">
        <v>1430</v>
      </c>
      <c r="L184" s="25">
        <v>0.10150714707547999</v>
      </c>
      <c r="M184" s="25">
        <v>0.31464550737397873</v>
      </c>
      <c r="N184" s="25">
        <v>0.33225292624673164</v>
      </c>
      <c r="O184" s="25">
        <v>0.22940417018279333</v>
      </c>
      <c r="P184" s="35">
        <v>1.3485461579328123E-4</v>
      </c>
      <c r="Q184" s="25">
        <v>0.26819938604235177</v>
      </c>
      <c r="R184" s="25">
        <v>0</v>
      </c>
      <c r="S184" s="26">
        <v>6598</v>
      </c>
      <c r="T184" s="27">
        <v>2721</v>
      </c>
      <c r="U184" s="27">
        <v>856</v>
      </c>
      <c r="V184" s="27">
        <v>928</v>
      </c>
    </row>
    <row r="185" spans="1:22" x14ac:dyDescent="0.25">
      <c r="A185" s="17">
        <v>7</v>
      </c>
      <c r="B185" s="16" t="s">
        <v>175</v>
      </c>
      <c r="C185" s="1">
        <v>7114</v>
      </c>
      <c r="D185" s="1">
        <v>9908</v>
      </c>
      <c r="E185" s="1">
        <v>8787</v>
      </c>
      <c r="F185" s="1">
        <v>8871</v>
      </c>
      <c r="G185" s="2">
        <v>-6.600385979749121E-2</v>
      </c>
      <c r="H185" s="1">
        <v>7578</v>
      </c>
      <c r="I185" s="1">
        <v>7764</v>
      </c>
      <c r="J185" s="1">
        <v>7569</v>
      </c>
      <c r="K185" s="1">
        <v>7345</v>
      </c>
      <c r="L185" s="2">
        <v>1.0610471185179134E-2</v>
      </c>
      <c r="M185" s="2">
        <v>-1.7180037933579594E-2</v>
      </c>
      <c r="N185" s="2">
        <v>-1.7180037933579594E-2</v>
      </c>
      <c r="O185" s="2">
        <v>0.15989219943061334</v>
      </c>
      <c r="P185" s="34">
        <v>0</v>
      </c>
      <c r="Q185" s="2">
        <v>0.50208539316745582</v>
      </c>
      <c r="R185" s="2">
        <v>1.4101283537285609E-2</v>
      </c>
      <c r="S185" s="19">
        <v>5035</v>
      </c>
      <c r="T185" s="18">
        <v>7450</v>
      </c>
      <c r="U185" s="18">
        <v>-128</v>
      </c>
      <c r="V185" s="18">
        <v>-128</v>
      </c>
    </row>
    <row r="186" spans="1:22" x14ac:dyDescent="0.25">
      <c r="A186" s="22">
        <v>7</v>
      </c>
      <c r="B186" s="23" t="s">
        <v>176</v>
      </c>
      <c r="C186" s="24">
        <v>1557</v>
      </c>
      <c r="D186" s="24">
        <v>1985</v>
      </c>
      <c r="E186" s="24">
        <v>1811</v>
      </c>
      <c r="F186" s="24">
        <v>2283</v>
      </c>
      <c r="G186" s="25">
        <v>-0.10607040637297127</v>
      </c>
      <c r="H186" s="24">
        <v>762</v>
      </c>
      <c r="I186" s="24">
        <v>417</v>
      </c>
      <c r="J186" s="24">
        <v>406</v>
      </c>
      <c r="K186" s="24">
        <v>1366</v>
      </c>
      <c r="L186" s="25">
        <v>-0.14749584425634021</v>
      </c>
      <c r="M186" s="25">
        <v>0.51069435764162097</v>
      </c>
      <c r="N186" s="25">
        <v>0.51069435764162097</v>
      </c>
      <c r="O186" s="25">
        <v>0.70395522668229138</v>
      </c>
      <c r="P186" s="35">
        <v>2.6908865409180319E-4</v>
      </c>
      <c r="Q186" s="25">
        <v>0.38361106195402112</v>
      </c>
      <c r="R186" s="25">
        <v>0.33536639907334415</v>
      </c>
      <c r="S186" s="26">
        <v>2211</v>
      </c>
      <c r="T186" s="27">
        <v>1557</v>
      </c>
      <c r="U186" s="27">
        <v>795</v>
      </c>
      <c r="V186" s="27">
        <v>795</v>
      </c>
    </row>
    <row r="187" spans="1:22" x14ac:dyDescent="0.25">
      <c r="A187" s="17">
        <v>7</v>
      </c>
      <c r="B187" s="16" t="s">
        <v>177</v>
      </c>
      <c r="C187" s="1">
        <v>1584</v>
      </c>
      <c r="D187" s="1">
        <v>1859</v>
      </c>
      <c r="E187" s="1">
        <v>2019</v>
      </c>
      <c r="F187" s="1">
        <v>1941</v>
      </c>
      <c r="G187" s="2">
        <v>-6.1350501287218757E-2</v>
      </c>
      <c r="H187" s="1">
        <v>1059</v>
      </c>
      <c r="I187" s="1">
        <v>1090</v>
      </c>
      <c r="J187" s="1">
        <v>1324</v>
      </c>
      <c r="K187" s="1">
        <v>1574</v>
      </c>
      <c r="L187" s="2">
        <v>-0.10903268663944704</v>
      </c>
      <c r="M187" s="2">
        <v>0.33124372185290812</v>
      </c>
      <c r="N187" s="2">
        <v>0.39313184625318481</v>
      </c>
      <c r="O187" s="2">
        <v>0.38264948607910942</v>
      </c>
      <c r="P187" s="34">
        <v>0</v>
      </c>
      <c r="Q187" s="2">
        <v>0.43392331969976417</v>
      </c>
      <c r="R187" s="2">
        <v>9.8534894154005986E-2</v>
      </c>
      <c r="S187" s="19">
        <v>1803</v>
      </c>
      <c r="T187" s="18">
        <v>1584</v>
      </c>
      <c r="U187" s="18">
        <v>525</v>
      </c>
      <c r="V187" s="18">
        <v>686</v>
      </c>
    </row>
    <row r="188" spans="1:22" x14ac:dyDescent="0.25">
      <c r="A188" s="8">
        <v>8</v>
      </c>
      <c r="B188" s="9" t="s">
        <v>308</v>
      </c>
      <c r="C188" s="20">
        <v>4137</v>
      </c>
      <c r="D188" s="20">
        <v>4849</v>
      </c>
      <c r="E188" s="20">
        <v>4727</v>
      </c>
      <c r="F188" s="20">
        <v>4513</v>
      </c>
      <c r="G188" s="10">
        <v>-2.7799999999999998E-2</v>
      </c>
      <c r="H188" s="20">
        <v>3533</v>
      </c>
      <c r="I188" s="20">
        <v>3793</v>
      </c>
      <c r="J188" s="20">
        <v>3604</v>
      </c>
      <c r="K188" s="20">
        <v>3504</v>
      </c>
      <c r="L188" s="10">
        <v>2.8E-3</v>
      </c>
      <c r="M188" s="10">
        <v>0.1807</v>
      </c>
      <c r="N188" s="10">
        <v>0.19819999999999999</v>
      </c>
      <c r="O188" s="10">
        <v>0.22220000000000001</v>
      </c>
      <c r="P188" s="33">
        <v>5.4999999999999997E-3</v>
      </c>
      <c r="Q188" s="10">
        <v>0.26419999999999999</v>
      </c>
      <c r="R188" s="10">
        <v>4.8899999999999999E-2</v>
      </c>
      <c r="S188" s="21">
        <v>3254</v>
      </c>
      <c r="T188" s="20">
        <v>3533</v>
      </c>
      <c r="U188" s="20">
        <v>779</v>
      </c>
      <c r="V188" s="20">
        <v>873</v>
      </c>
    </row>
    <row r="189" spans="1:22" x14ac:dyDescent="0.25">
      <c r="A189" s="17">
        <v>8</v>
      </c>
      <c r="B189" s="16" t="s">
        <v>178</v>
      </c>
      <c r="C189" s="1">
        <v>317</v>
      </c>
      <c r="D189" s="1">
        <v>64</v>
      </c>
      <c r="E189" s="28" t="s">
        <v>61</v>
      </c>
      <c r="F189" s="28" t="s">
        <v>61</v>
      </c>
      <c r="G189" s="31" t="s">
        <v>61</v>
      </c>
      <c r="H189" s="1">
        <v>246</v>
      </c>
      <c r="I189" s="1">
        <v>68</v>
      </c>
      <c r="J189" s="28" t="s">
        <v>61</v>
      </c>
      <c r="K189" s="28" t="s">
        <v>61</v>
      </c>
      <c r="L189" s="31" t="s">
        <v>61</v>
      </c>
      <c r="M189" s="2">
        <v>0.22244852848301125</v>
      </c>
      <c r="N189" s="2">
        <v>0.22244852848301125</v>
      </c>
      <c r="O189" s="31" t="s">
        <v>61</v>
      </c>
      <c r="P189" s="34">
        <v>1.9148780498302122E-2</v>
      </c>
      <c r="Q189" s="2">
        <v>0.28122079070354933</v>
      </c>
      <c r="R189" s="2">
        <v>1.8523430592396108E-2</v>
      </c>
      <c r="S189" s="19">
        <v>261</v>
      </c>
      <c r="T189" s="18">
        <v>317</v>
      </c>
      <c r="U189" s="18">
        <v>70</v>
      </c>
      <c r="V189" s="18">
        <v>70</v>
      </c>
    </row>
    <row r="190" spans="1:22" x14ac:dyDescent="0.25">
      <c r="A190" s="22">
        <v>8</v>
      </c>
      <c r="B190" s="23" t="s">
        <v>179</v>
      </c>
      <c r="C190" s="24">
        <v>3665</v>
      </c>
      <c r="D190" s="24">
        <v>5466</v>
      </c>
      <c r="E190" s="24">
        <v>5134</v>
      </c>
      <c r="F190" s="24">
        <v>6034</v>
      </c>
      <c r="G190" s="25">
        <v>-0.13088784252222166</v>
      </c>
      <c r="H190" s="24">
        <v>3832</v>
      </c>
      <c r="I190" s="24">
        <v>4437</v>
      </c>
      <c r="J190" s="24">
        <v>4259</v>
      </c>
      <c r="K190" s="24">
        <v>4939</v>
      </c>
      <c r="L190" s="25">
        <v>-7.4707786466453666E-2</v>
      </c>
      <c r="M190" s="25">
        <v>-4.554688265277862E-2</v>
      </c>
      <c r="N190" s="25">
        <v>-4.554688265277862E-2</v>
      </c>
      <c r="O190" s="25">
        <v>0.12173937487521956</v>
      </c>
      <c r="P190" s="35">
        <v>6.6E-3</v>
      </c>
      <c r="Q190" s="25">
        <v>0.27820363134108811</v>
      </c>
      <c r="R190" s="25">
        <v>2.5356303140553687E-2</v>
      </c>
      <c r="S190" s="26">
        <v>2552</v>
      </c>
      <c r="T190" s="27">
        <v>3665</v>
      </c>
      <c r="U190" s="27">
        <v>-167</v>
      </c>
      <c r="V190" s="27">
        <v>-167</v>
      </c>
    </row>
    <row r="191" spans="1:22" x14ac:dyDescent="0.25">
      <c r="A191" s="17">
        <v>8</v>
      </c>
      <c r="B191" s="16" t="s">
        <v>180</v>
      </c>
      <c r="C191" s="1">
        <v>9656</v>
      </c>
      <c r="D191" s="1">
        <v>13235</v>
      </c>
      <c r="E191" s="1">
        <v>14601</v>
      </c>
      <c r="F191" s="1">
        <v>15299</v>
      </c>
      <c r="G191" s="2">
        <v>-0.12296074197905353</v>
      </c>
      <c r="H191" s="1">
        <v>9710</v>
      </c>
      <c r="I191" s="1">
        <v>13288</v>
      </c>
      <c r="J191" s="1">
        <v>14522</v>
      </c>
      <c r="K191" s="1">
        <v>14337</v>
      </c>
      <c r="L191" s="2">
        <v>-0.10757859863887503</v>
      </c>
      <c r="M191" s="2">
        <v>2.3102252457541946E-2</v>
      </c>
      <c r="N191" s="2">
        <v>2.4602959909103904E-2</v>
      </c>
      <c r="O191" s="2">
        <v>6.031593251302686E-2</v>
      </c>
      <c r="P191" s="34">
        <v>2.5509026745470925E-3</v>
      </c>
      <c r="Q191" s="2">
        <v>0.22511462787574288</v>
      </c>
      <c r="R191" s="2">
        <v>4.0090343502500937E-2</v>
      </c>
      <c r="S191" s="19">
        <v>6242</v>
      </c>
      <c r="T191" s="18">
        <v>9940</v>
      </c>
      <c r="U191" s="18">
        <v>230</v>
      </c>
      <c r="V191" s="18">
        <v>245</v>
      </c>
    </row>
    <row r="192" spans="1:22" x14ac:dyDescent="0.25">
      <c r="A192" s="22">
        <v>8</v>
      </c>
      <c r="B192" s="23" t="s">
        <v>181</v>
      </c>
      <c r="C192" s="24">
        <v>566</v>
      </c>
      <c r="D192" s="24">
        <v>811</v>
      </c>
      <c r="E192" s="24">
        <v>675</v>
      </c>
      <c r="F192" s="24">
        <v>799</v>
      </c>
      <c r="G192" s="25">
        <v>-9.713132860498791E-2</v>
      </c>
      <c r="H192" s="24">
        <v>704</v>
      </c>
      <c r="I192" s="24">
        <v>937</v>
      </c>
      <c r="J192" s="24">
        <v>805</v>
      </c>
      <c r="K192" s="24">
        <v>885</v>
      </c>
      <c r="L192" s="25">
        <v>-6.8202653245702502E-2</v>
      </c>
      <c r="M192" s="25">
        <v>-0.24380943297585236</v>
      </c>
      <c r="N192" s="25">
        <v>-0.24380943297585236</v>
      </c>
      <c r="O192" s="25">
        <v>-0.19208317331966152</v>
      </c>
      <c r="P192" s="35">
        <v>0</v>
      </c>
      <c r="Q192" s="25">
        <v>0.55829906885394143</v>
      </c>
      <c r="R192" s="25">
        <v>0</v>
      </c>
      <c r="S192" s="26">
        <v>544</v>
      </c>
      <c r="T192" s="27">
        <v>566</v>
      </c>
      <c r="U192" s="27">
        <v>-138</v>
      </c>
      <c r="V192" s="27">
        <v>-138</v>
      </c>
    </row>
    <row r="193" spans="1:22" x14ac:dyDescent="0.25">
      <c r="A193" s="17">
        <v>8</v>
      </c>
      <c r="B193" s="16" t="s">
        <v>182</v>
      </c>
      <c r="C193" s="1">
        <v>6960</v>
      </c>
      <c r="D193" s="1">
        <v>9678</v>
      </c>
      <c r="E193" s="1">
        <v>10345</v>
      </c>
      <c r="F193" s="1">
        <v>8799</v>
      </c>
      <c r="G193" s="2">
        <v>-6.9662022208586971E-2</v>
      </c>
      <c r="H193" s="1">
        <v>6379</v>
      </c>
      <c r="I193" s="1">
        <v>7178</v>
      </c>
      <c r="J193" s="1">
        <v>7612</v>
      </c>
      <c r="K193" s="1">
        <v>6871</v>
      </c>
      <c r="L193" s="2">
        <v>-2.3891085489281094E-2</v>
      </c>
      <c r="M193" s="2">
        <v>8.3540822522104957E-2</v>
      </c>
      <c r="N193" s="2">
        <v>0.12256886064537481</v>
      </c>
      <c r="O193" s="2">
        <v>0.22717232991278058</v>
      </c>
      <c r="P193" s="34">
        <v>2.8578049889931356E-2</v>
      </c>
      <c r="Q193" s="2">
        <v>0.2255010702275595</v>
      </c>
      <c r="R193" s="2">
        <v>4.1162311093844689E-2</v>
      </c>
      <c r="S193" s="19">
        <v>2655</v>
      </c>
      <c r="T193" s="18">
        <v>6960</v>
      </c>
      <c r="U193" s="18">
        <v>581</v>
      </c>
      <c r="V193" s="18">
        <v>891</v>
      </c>
    </row>
    <row r="194" spans="1:22" x14ac:dyDescent="0.25">
      <c r="A194" s="22">
        <v>8</v>
      </c>
      <c r="B194" s="23" t="s">
        <v>183</v>
      </c>
      <c r="C194" s="24">
        <v>2111</v>
      </c>
      <c r="D194" s="24">
        <v>2917</v>
      </c>
      <c r="E194" s="24">
        <v>796</v>
      </c>
      <c r="F194" s="24">
        <v>568</v>
      </c>
      <c r="G194" s="25">
        <v>0.90533040883171323</v>
      </c>
      <c r="H194" s="24">
        <v>1642</v>
      </c>
      <c r="I194" s="24">
        <v>2766</v>
      </c>
      <c r="J194" s="24">
        <v>757</v>
      </c>
      <c r="K194" s="24">
        <v>558</v>
      </c>
      <c r="L194" s="25">
        <v>0.64819238932233281</v>
      </c>
      <c r="M194" s="25">
        <v>0.2223</v>
      </c>
      <c r="N194" s="25">
        <v>0.25340000000000001</v>
      </c>
      <c r="O194" s="25">
        <v>0.12620000000000001</v>
      </c>
      <c r="P194" s="35">
        <v>0</v>
      </c>
      <c r="Q194" s="25">
        <v>0</v>
      </c>
      <c r="R194" s="25">
        <v>0</v>
      </c>
      <c r="S194" s="26">
        <v>327</v>
      </c>
      <c r="T194" s="27">
        <v>2111</v>
      </c>
      <c r="U194" s="27">
        <v>469</v>
      </c>
      <c r="V194" s="27">
        <v>557</v>
      </c>
    </row>
    <row r="195" spans="1:22" x14ac:dyDescent="0.25">
      <c r="A195" s="17">
        <v>8</v>
      </c>
      <c r="B195" s="16" t="s">
        <v>184</v>
      </c>
      <c r="C195" s="1">
        <v>927</v>
      </c>
      <c r="D195" s="1">
        <v>1272</v>
      </c>
      <c r="E195" s="1">
        <v>1353</v>
      </c>
      <c r="F195" s="1">
        <v>1133</v>
      </c>
      <c r="G195" s="2">
        <v>-6.0432883313118614E-2</v>
      </c>
      <c r="H195" s="1">
        <v>780</v>
      </c>
      <c r="I195" s="1">
        <v>910</v>
      </c>
      <c r="J195" s="1">
        <v>908</v>
      </c>
      <c r="K195" s="1">
        <v>933</v>
      </c>
      <c r="L195" s="2">
        <v>-5.4551613757379484E-2</v>
      </c>
      <c r="M195" s="2">
        <v>0.15881508125452851</v>
      </c>
      <c r="N195" s="2">
        <v>0.15881508125452851</v>
      </c>
      <c r="O195" s="2">
        <v>0.26857771220553706</v>
      </c>
      <c r="P195" s="34">
        <v>4.2673854107559426E-3</v>
      </c>
      <c r="Q195" s="2">
        <v>0.24345414700516191</v>
      </c>
      <c r="R195" s="2">
        <v>7.0854120001246329E-2</v>
      </c>
      <c r="S195" s="19">
        <v>1715</v>
      </c>
      <c r="T195" s="18">
        <v>927</v>
      </c>
      <c r="U195" s="18">
        <v>147</v>
      </c>
      <c r="V195" s="18">
        <v>147</v>
      </c>
    </row>
    <row r="196" spans="1:22" x14ac:dyDescent="0.25">
      <c r="A196" s="22">
        <v>8</v>
      </c>
      <c r="B196" s="23" t="s">
        <v>185</v>
      </c>
      <c r="C196" s="24">
        <v>2244</v>
      </c>
      <c r="D196" s="24">
        <v>2522</v>
      </c>
      <c r="E196" s="24">
        <v>2518</v>
      </c>
      <c r="F196" s="24">
        <v>2445</v>
      </c>
      <c r="G196" s="25">
        <v>-2.7409797516216739E-2</v>
      </c>
      <c r="H196" s="24">
        <v>1923</v>
      </c>
      <c r="I196" s="24">
        <v>2120</v>
      </c>
      <c r="J196" s="24">
        <v>2085</v>
      </c>
      <c r="K196" s="24">
        <v>2146</v>
      </c>
      <c r="L196" s="25">
        <v>-3.4586327389267126E-2</v>
      </c>
      <c r="M196" s="25">
        <v>0.14306303383475066</v>
      </c>
      <c r="N196" s="25">
        <v>0.14306303383475066</v>
      </c>
      <c r="O196" s="25">
        <v>0.1586353246701184</v>
      </c>
      <c r="P196" s="35">
        <v>0</v>
      </c>
      <c r="Q196" s="25">
        <v>0.3084503934691476</v>
      </c>
      <c r="R196" s="25">
        <v>8.6418349858814664E-2</v>
      </c>
      <c r="S196" s="26">
        <v>3508</v>
      </c>
      <c r="T196" s="27">
        <v>2244</v>
      </c>
      <c r="U196" s="27">
        <v>321</v>
      </c>
      <c r="V196" s="27">
        <v>321</v>
      </c>
    </row>
    <row r="197" spans="1:22" x14ac:dyDescent="0.25">
      <c r="A197" s="17">
        <v>8</v>
      </c>
      <c r="B197" s="16" t="s">
        <v>186</v>
      </c>
      <c r="C197" s="1">
        <v>38</v>
      </c>
      <c r="D197" s="28" t="s">
        <v>61</v>
      </c>
      <c r="E197" s="28" t="s">
        <v>61</v>
      </c>
      <c r="F197" s="28" t="s">
        <v>61</v>
      </c>
      <c r="G197" s="28" t="s">
        <v>61</v>
      </c>
      <c r="H197" s="1">
        <v>5561</v>
      </c>
      <c r="I197" s="28" t="s">
        <v>61</v>
      </c>
      <c r="J197" s="28" t="s">
        <v>61</v>
      </c>
      <c r="K197" s="28" t="s">
        <v>61</v>
      </c>
      <c r="L197" s="28" t="s">
        <v>61</v>
      </c>
      <c r="M197" s="2">
        <v>0.29070000000000001</v>
      </c>
      <c r="N197" s="2">
        <v>0.29480000000000001</v>
      </c>
      <c r="O197" s="28" t="s">
        <v>61</v>
      </c>
      <c r="P197" s="34">
        <v>0</v>
      </c>
      <c r="Q197" s="2">
        <v>0.2879492349998658</v>
      </c>
      <c r="R197" s="2">
        <v>3.3924881136465452E-3</v>
      </c>
      <c r="S197" s="19">
        <v>4381</v>
      </c>
      <c r="T197" s="18">
        <v>7802</v>
      </c>
      <c r="U197" s="18">
        <v>2279</v>
      </c>
      <c r="V197" s="18">
        <v>2324</v>
      </c>
    </row>
    <row r="198" spans="1:22" x14ac:dyDescent="0.25">
      <c r="A198" s="22">
        <v>8</v>
      </c>
      <c r="B198" s="23" t="s">
        <v>187</v>
      </c>
      <c r="C198" s="24">
        <v>6067</v>
      </c>
      <c r="D198" s="24">
        <v>7317</v>
      </c>
      <c r="E198" s="24">
        <v>6604</v>
      </c>
      <c r="F198" s="24">
        <v>6483</v>
      </c>
      <c r="G198" s="25">
        <v>-2.1355231303817886E-2</v>
      </c>
      <c r="H198" s="24">
        <v>3598</v>
      </c>
      <c r="I198" s="24">
        <v>5667</v>
      </c>
      <c r="J198" s="24">
        <v>5253</v>
      </c>
      <c r="K198" s="24">
        <v>5313</v>
      </c>
      <c r="L198" s="25">
        <v>-0.10757241561641052</v>
      </c>
      <c r="M198" s="25">
        <v>0.40690495183971626</v>
      </c>
      <c r="N198" s="25">
        <v>0.40690495183971626</v>
      </c>
      <c r="O198" s="25">
        <v>0.27366910042424408</v>
      </c>
      <c r="P198" s="35">
        <v>1.4340931600171547E-3</v>
      </c>
      <c r="Q198" s="25">
        <v>0</v>
      </c>
      <c r="R198" s="25">
        <v>0.66112447041225586</v>
      </c>
      <c r="S198" s="26">
        <v>3020</v>
      </c>
      <c r="T198" s="27">
        <v>6067</v>
      </c>
      <c r="U198" s="27">
        <v>2469</v>
      </c>
      <c r="V198" s="27">
        <v>2469</v>
      </c>
    </row>
    <row r="199" spans="1:22" x14ac:dyDescent="0.25">
      <c r="A199" s="17">
        <v>8</v>
      </c>
      <c r="B199" s="16" t="s">
        <v>188</v>
      </c>
      <c r="C199" s="1">
        <v>8438</v>
      </c>
      <c r="D199" s="1">
        <v>8635</v>
      </c>
      <c r="E199" s="1">
        <v>8009</v>
      </c>
      <c r="F199" s="1">
        <v>6996</v>
      </c>
      <c r="G199" s="2">
        <v>6.8705927196493238E-2</v>
      </c>
      <c r="H199" s="1">
        <v>6096</v>
      </c>
      <c r="I199" s="1">
        <v>6160</v>
      </c>
      <c r="J199" s="1">
        <v>6179</v>
      </c>
      <c r="K199" s="1">
        <v>5265</v>
      </c>
      <c r="L199" s="2">
        <v>5.2611585944919277E-2</v>
      </c>
      <c r="M199" s="2">
        <v>0.27755392273050483</v>
      </c>
      <c r="N199" s="2">
        <v>0.27755392273050483</v>
      </c>
      <c r="O199" s="2">
        <v>0.26501076469181084</v>
      </c>
      <c r="P199" s="34">
        <v>0</v>
      </c>
      <c r="Q199" s="2">
        <v>0</v>
      </c>
      <c r="R199" s="2">
        <v>0.12809248385032096</v>
      </c>
      <c r="S199" s="19">
        <v>1541</v>
      </c>
      <c r="T199" s="18">
        <v>8438</v>
      </c>
      <c r="U199" s="18">
        <v>2342</v>
      </c>
      <c r="V199" s="18">
        <v>2342</v>
      </c>
    </row>
    <row r="200" spans="1:22" x14ac:dyDescent="0.25">
      <c r="A200" s="22">
        <v>8</v>
      </c>
      <c r="B200" s="23" t="s">
        <v>189</v>
      </c>
      <c r="C200" s="24">
        <v>8539</v>
      </c>
      <c r="D200" s="24">
        <v>9980</v>
      </c>
      <c r="E200" s="24">
        <v>9194</v>
      </c>
      <c r="F200" s="24">
        <v>9045</v>
      </c>
      <c r="G200" s="25">
        <v>-1.864750322461765E-2</v>
      </c>
      <c r="H200" s="24">
        <v>4551</v>
      </c>
      <c r="I200" s="24">
        <v>4732</v>
      </c>
      <c r="J200" s="24">
        <v>4478</v>
      </c>
      <c r="K200" s="24">
        <v>4760</v>
      </c>
      <c r="L200" s="25">
        <v>-1.4635854341736693E-2</v>
      </c>
      <c r="M200" s="25">
        <v>0.46703361049303199</v>
      </c>
      <c r="N200" s="25">
        <v>0.46703361049303199</v>
      </c>
      <c r="O200" s="25">
        <v>0.50344603615631656</v>
      </c>
      <c r="P200" s="35">
        <v>0</v>
      </c>
      <c r="Q200" s="25">
        <v>0</v>
      </c>
      <c r="R200" s="25">
        <v>0.10667012063879903</v>
      </c>
      <c r="S200" s="26">
        <v>1473</v>
      </c>
      <c r="T200" s="27">
        <v>8539</v>
      </c>
      <c r="U200" s="27">
        <v>3988</v>
      </c>
      <c r="V200" s="27">
        <v>3988</v>
      </c>
    </row>
    <row r="201" spans="1:22" x14ac:dyDescent="0.25">
      <c r="A201" s="17">
        <v>8</v>
      </c>
      <c r="B201" s="16" t="s">
        <v>190</v>
      </c>
      <c r="C201" s="1">
        <v>10502</v>
      </c>
      <c r="D201" s="1">
        <v>11820</v>
      </c>
      <c r="E201" s="1">
        <v>10998</v>
      </c>
      <c r="F201" s="1">
        <v>11512</v>
      </c>
      <c r="G201" s="2">
        <v>-2.9244845957841093E-2</v>
      </c>
      <c r="H201" s="1">
        <v>4295</v>
      </c>
      <c r="I201" s="1">
        <v>4413</v>
      </c>
      <c r="J201" s="1">
        <v>4193</v>
      </c>
      <c r="K201" s="1">
        <v>3757</v>
      </c>
      <c r="L201" s="2">
        <v>4.7733120397480261E-2</v>
      </c>
      <c r="M201" s="2">
        <v>0.59103027994667678</v>
      </c>
      <c r="N201" s="2">
        <v>0.59103027994667678</v>
      </c>
      <c r="O201" s="2">
        <v>0.61281512605042021</v>
      </c>
      <c r="P201" s="34">
        <v>5.42978535862511E-4</v>
      </c>
      <c r="Q201" s="2">
        <v>0</v>
      </c>
      <c r="R201" s="2">
        <v>0.12720078645460681</v>
      </c>
      <c r="S201" s="19">
        <v>1775</v>
      </c>
      <c r="T201" s="18">
        <v>10502</v>
      </c>
      <c r="U201" s="18">
        <v>6207</v>
      </c>
      <c r="V201" s="18">
        <v>6207</v>
      </c>
    </row>
    <row r="202" spans="1:22" x14ac:dyDescent="0.25">
      <c r="A202" s="22">
        <v>8</v>
      </c>
      <c r="B202" s="23" t="s">
        <v>191</v>
      </c>
      <c r="C202" s="24">
        <v>1596</v>
      </c>
      <c r="D202" s="24">
        <v>2003</v>
      </c>
      <c r="E202" s="24">
        <v>1524</v>
      </c>
      <c r="F202" s="29" t="s">
        <v>61</v>
      </c>
      <c r="G202" s="29" t="s">
        <v>61</v>
      </c>
      <c r="H202" s="24">
        <v>1460</v>
      </c>
      <c r="I202" s="24">
        <v>1759</v>
      </c>
      <c r="J202" s="24">
        <v>1195</v>
      </c>
      <c r="K202" s="29" t="s">
        <v>61</v>
      </c>
      <c r="L202" s="29" t="s">
        <v>61</v>
      </c>
      <c r="M202" s="25">
        <v>9.8771352882068147E-2</v>
      </c>
      <c r="N202" s="25">
        <v>9.8771352882068147E-2</v>
      </c>
      <c r="O202" s="25">
        <v>0.14258800034579455</v>
      </c>
      <c r="P202" s="35">
        <v>0</v>
      </c>
      <c r="Q202" s="25">
        <v>0.21111206764615856</v>
      </c>
      <c r="R202" s="25">
        <v>2.4941651362105906E-2</v>
      </c>
      <c r="S202" s="26">
        <v>4943</v>
      </c>
      <c r="T202" s="27">
        <v>1620</v>
      </c>
      <c r="U202" s="27">
        <v>160</v>
      </c>
      <c r="V202" s="27">
        <v>160</v>
      </c>
    </row>
    <row r="203" spans="1:22" x14ac:dyDescent="0.25">
      <c r="A203" s="17">
        <v>8</v>
      </c>
      <c r="B203" s="16" t="s">
        <v>192</v>
      </c>
      <c r="C203" s="1">
        <v>1661</v>
      </c>
      <c r="D203" s="1">
        <v>1849</v>
      </c>
      <c r="E203" s="1">
        <v>1651</v>
      </c>
      <c r="F203" s="1">
        <v>2082</v>
      </c>
      <c r="G203" s="2">
        <v>-6.7426484692042821E-2</v>
      </c>
      <c r="H203" s="1">
        <v>1520</v>
      </c>
      <c r="I203" s="1">
        <v>1623</v>
      </c>
      <c r="J203" s="1">
        <v>1294</v>
      </c>
      <c r="K203" s="1">
        <v>2190</v>
      </c>
      <c r="L203" s="2">
        <v>-0.10204564914135821</v>
      </c>
      <c r="M203" s="2">
        <v>9.8771025521205202E-2</v>
      </c>
      <c r="N203" s="2">
        <v>9.8771025521205202E-2</v>
      </c>
      <c r="O203" s="2">
        <v>0.14443134013510614</v>
      </c>
      <c r="P203" s="34">
        <v>0</v>
      </c>
      <c r="Q203" s="2">
        <v>0.1611154027206122</v>
      </c>
      <c r="R203" s="2">
        <v>1.5513766008038721E-2</v>
      </c>
      <c r="S203" s="19">
        <v>5233</v>
      </c>
      <c r="T203" s="18">
        <v>1686</v>
      </c>
      <c r="U203" s="18">
        <v>167</v>
      </c>
      <c r="V203" s="18">
        <v>167</v>
      </c>
    </row>
    <row r="204" spans="1:22" x14ac:dyDescent="0.25">
      <c r="A204" s="22">
        <v>8</v>
      </c>
      <c r="B204" s="23" t="s">
        <v>193</v>
      </c>
      <c r="C204" s="24">
        <v>897</v>
      </c>
      <c r="D204" s="24">
        <v>1074</v>
      </c>
      <c r="E204" s="24">
        <v>1112</v>
      </c>
      <c r="F204" s="24">
        <v>1246</v>
      </c>
      <c r="G204" s="25">
        <v>-9.3435750079595037E-2</v>
      </c>
      <c r="H204" s="24">
        <v>1127</v>
      </c>
      <c r="I204" s="24">
        <v>1186</v>
      </c>
      <c r="J204" s="24">
        <v>1225</v>
      </c>
      <c r="K204" s="24">
        <v>1200</v>
      </c>
      <c r="L204" s="25">
        <v>-2.0165437923834333E-2</v>
      </c>
      <c r="M204" s="25">
        <v>-0.2573478405367487</v>
      </c>
      <c r="N204" s="25">
        <v>-0.2573478405367487</v>
      </c>
      <c r="O204" s="25">
        <v>-0.14795805796815542</v>
      </c>
      <c r="P204" s="35" t="s">
        <v>310</v>
      </c>
      <c r="Q204" s="25">
        <v>0.55997715963053918</v>
      </c>
      <c r="R204" s="25">
        <v>3.8743868899848103E-3</v>
      </c>
      <c r="S204" s="26">
        <v>368</v>
      </c>
      <c r="T204" s="27">
        <v>897</v>
      </c>
      <c r="U204" s="27">
        <v>-231</v>
      </c>
      <c r="V204" s="27">
        <v>-231</v>
      </c>
    </row>
    <row r="205" spans="1:22" x14ac:dyDescent="0.25">
      <c r="A205" s="17">
        <v>8</v>
      </c>
      <c r="B205" s="16" t="s">
        <v>194</v>
      </c>
      <c r="C205" s="1">
        <v>3726</v>
      </c>
      <c r="D205" s="1">
        <v>3964</v>
      </c>
      <c r="E205" s="1">
        <v>3804</v>
      </c>
      <c r="F205" s="1">
        <v>3877</v>
      </c>
      <c r="G205" s="2">
        <v>-1.3016680289563725E-2</v>
      </c>
      <c r="H205" s="1">
        <v>1323</v>
      </c>
      <c r="I205" s="1">
        <v>1913</v>
      </c>
      <c r="J205" s="1">
        <v>2731</v>
      </c>
      <c r="K205" s="1">
        <v>2391</v>
      </c>
      <c r="L205" s="2">
        <v>-0.14889726486889807</v>
      </c>
      <c r="M205" s="2">
        <v>0.64491047473032903</v>
      </c>
      <c r="N205" s="2">
        <v>0.64491047473032903</v>
      </c>
      <c r="O205" s="2">
        <v>0.48083578372538299</v>
      </c>
      <c r="P205" s="34">
        <v>1.2775919838380169E-2</v>
      </c>
      <c r="Q205" s="2">
        <v>0.16851895990285728</v>
      </c>
      <c r="R205" s="2">
        <v>0.10609337640767308</v>
      </c>
      <c r="S205" s="19">
        <v>2298</v>
      </c>
      <c r="T205" s="18">
        <v>3726</v>
      </c>
      <c r="U205" s="18">
        <v>2403</v>
      </c>
      <c r="V205" s="18">
        <v>2403</v>
      </c>
    </row>
    <row r="206" spans="1:22" x14ac:dyDescent="0.25">
      <c r="A206" s="22">
        <v>8</v>
      </c>
      <c r="B206" s="23" t="s">
        <v>195</v>
      </c>
      <c r="C206" s="24">
        <v>13576</v>
      </c>
      <c r="D206" s="24">
        <v>15553</v>
      </c>
      <c r="E206" s="24">
        <v>14775</v>
      </c>
      <c r="F206" s="24">
        <v>15001</v>
      </c>
      <c r="G206" s="25">
        <v>-3.1667028632448836E-2</v>
      </c>
      <c r="H206" s="24">
        <v>7570</v>
      </c>
      <c r="I206" s="24">
        <v>11190</v>
      </c>
      <c r="J206" s="24">
        <v>7298</v>
      </c>
      <c r="K206" s="24">
        <v>9087</v>
      </c>
      <c r="L206" s="25">
        <v>-5.5625053811165844E-2</v>
      </c>
      <c r="M206" s="25">
        <v>0.44239178560645576</v>
      </c>
      <c r="N206" s="25">
        <v>0.44239178560645576</v>
      </c>
      <c r="O206" s="25">
        <v>0.40647341920144003</v>
      </c>
      <c r="P206" s="35">
        <v>8.2531570198963906E-3</v>
      </c>
      <c r="Q206" s="25">
        <v>0.34215355369778749</v>
      </c>
      <c r="R206" s="25">
        <v>0.11119087448707365</v>
      </c>
      <c r="S206" s="26">
        <v>6147</v>
      </c>
      <c r="T206" s="27">
        <v>13576</v>
      </c>
      <c r="U206" s="27">
        <v>6006</v>
      </c>
      <c r="V206" s="27">
        <v>6006</v>
      </c>
    </row>
    <row r="207" spans="1:22" x14ac:dyDescent="0.25">
      <c r="A207" s="17">
        <v>8</v>
      </c>
      <c r="B207" s="16" t="s">
        <v>196</v>
      </c>
      <c r="C207" s="1">
        <v>11636</v>
      </c>
      <c r="D207" s="1">
        <v>14797</v>
      </c>
      <c r="E207" s="1">
        <v>13946</v>
      </c>
      <c r="F207" s="1">
        <v>13119</v>
      </c>
      <c r="G207" s="2">
        <v>-3.7689855582625074E-2</v>
      </c>
      <c r="H207" s="1">
        <v>8515</v>
      </c>
      <c r="I207" s="1">
        <v>10381</v>
      </c>
      <c r="J207" s="1">
        <v>8784</v>
      </c>
      <c r="K207" s="1">
        <v>8001</v>
      </c>
      <c r="L207" s="2">
        <v>2.1422290292316588E-2</v>
      </c>
      <c r="M207" s="2">
        <v>0.26818270457199744</v>
      </c>
      <c r="N207" s="2">
        <v>0.26818270457199744</v>
      </c>
      <c r="O207" s="2">
        <v>0.31449542360457006</v>
      </c>
      <c r="P207" s="34">
        <v>4.1664448756476458E-2</v>
      </c>
      <c r="Q207" s="2">
        <v>0.30193031716853241</v>
      </c>
      <c r="R207" s="2">
        <v>8.7676138014630853E-2</v>
      </c>
      <c r="S207" s="19">
        <v>5030</v>
      </c>
      <c r="T207" s="18">
        <v>11636</v>
      </c>
      <c r="U207" s="18">
        <v>3120</v>
      </c>
      <c r="V207" s="18">
        <v>3120</v>
      </c>
    </row>
    <row r="208" spans="1:22" x14ac:dyDescent="0.25">
      <c r="A208" s="22">
        <v>8</v>
      </c>
      <c r="B208" s="23" t="s">
        <v>197</v>
      </c>
      <c r="C208" s="24">
        <v>293</v>
      </c>
      <c r="D208" s="24">
        <v>491</v>
      </c>
      <c r="E208" s="24">
        <v>507</v>
      </c>
      <c r="F208" s="24">
        <v>529</v>
      </c>
      <c r="G208" s="25">
        <v>-0.1484093369678374</v>
      </c>
      <c r="H208" s="24">
        <v>337</v>
      </c>
      <c r="I208" s="24">
        <v>469</v>
      </c>
      <c r="J208" s="24">
        <v>517</v>
      </c>
      <c r="K208" s="24">
        <v>518</v>
      </c>
      <c r="L208" s="25">
        <v>-0.1164650261292932</v>
      </c>
      <c r="M208" s="25">
        <v>-0.14914772242927238</v>
      </c>
      <c r="N208" s="25">
        <v>1.3217071513902228E-2</v>
      </c>
      <c r="O208" s="25">
        <v>1.2745769694038839E-2</v>
      </c>
      <c r="P208" s="35" t="s">
        <v>310</v>
      </c>
      <c r="Q208" s="25">
        <v>0.60494147091617712</v>
      </c>
      <c r="R208" s="25">
        <v>0</v>
      </c>
      <c r="S208" s="26">
        <v>82</v>
      </c>
      <c r="T208" s="27">
        <v>293</v>
      </c>
      <c r="U208" s="27">
        <v>-44</v>
      </c>
      <c r="V208" s="27">
        <v>5</v>
      </c>
    </row>
    <row r="209" spans="1:22" x14ac:dyDescent="0.25">
      <c r="A209" s="17">
        <v>8</v>
      </c>
      <c r="B209" s="16" t="s">
        <v>198</v>
      </c>
      <c r="C209" s="1">
        <v>1568</v>
      </c>
      <c r="D209" s="1">
        <v>3725</v>
      </c>
      <c r="E209" s="1">
        <v>5135</v>
      </c>
      <c r="F209" s="1">
        <v>5576</v>
      </c>
      <c r="G209" s="2">
        <v>-0.23961136841538924</v>
      </c>
      <c r="H209" s="1">
        <v>1685</v>
      </c>
      <c r="I209" s="1">
        <v>2797</v>
      </c>
      <c r="J209" s="1">
        <v>3210</v>
      </c>
      <c r="K209" s="1">
        <v>3274</v>
      </c>
      <c r="L209" s="2">
        <v>-0.16175878819454306</v>
      </c>
      <c r="M209" s="2">
        <v>-7.5066304199457326E-2</v>
      </c>
      <c r="N209" s="2">
        <v>-7.5066304199457326E-2</v>
      </c>
      <c r="O209" s="2">
        <v>0.26224133911417813</v>
      </c>
      <c r="P209" s="34">
        <v>5.3450540505486348E-3</v>
      </c>
      <c r="Q209" s="2">
        <v>0.41615373134137956</v>
      </c>
      <c r="R209" s="2">
        <v>2.0990270281303298E-2</v>
      </c>
      <c r="S209" s="19">
        <v>728</v>
      </c>
      <c r="T209" s="18">
        <v>1568</v>
      </c>
      <c r="U209" s="18">
        <v>-118</v>
      </c>
      <c r="V209" s="18">
        <v>-118</v>
      </c>
    </row>
    <row r="210" spans="1:22" x14ac:dyDescent="0.25">
      <c r="A210" s="22">
        <v>8</v>
      </c>
      <c r="B210" s="23" t="s">
        <v>199</v>
      </c>
      <c r="C210" s="24">
        <v>3259</v>
      </c>
      <c r="D210" s="24">
        <v>4687</v>
      </c>
      <c r="E210" s="24">
        <v>4168</v>
      </c>
      <c r="F210" s="24">
        <v>1358</v>
      </c>
      <c r="G210" s="25">
        <v>0.46626115518506767</v>
      </c>
      <c r="H210" s="24">
        <v>3562</v>
      </c>
      <c r="I210" s="24">
        <v>4176</v>
      </c>
      <c r="J210" s="24">
        <v>3877</v>
      </c>
      <c r="K210" s="24">
        <v>2094</v>
      </c>
      <c r="L210" s="25">
        <v>0.23361299966937962</v>
      </c>
      <c r="M210" s="25">
        <v>-9.173788579946536E-2</v>
      </c>
      <c r="N210" s="25">
        <v>-9.173788579946536E-2</v>
      </c>
      <c r="O210" s="25">
        <v>4.1472188457235312E-2</v>
      </c>
      <c r="P210" s="35">
        <v>1.8722829474470692E-2</v>
      </c>
      <c r="Q210" s="25">
        <v>0</v>
      </c>
      <c r="R210" s="25">
        <v>0.21061342090988813</v>
      </c>
      <c r="S210" s="26">
        <v>17198</v>
      </c>
      <c r="T210" s="27">
        <v>3262</v>
      </c>
      <c r="U210" s="27">
        <v>-299</v>
      </c>
      <c r="V210" s="27">
        <v>-299</v>
      </c>
    </row>
    <row r="211" spans="1:22" x14ac:dyDescent="0.25">
      <c r="A211" s="17">
        <v>8</v>
      </c>
      <c r="B211" s="16" t="s">
        <v>200</v>
      </c>
      <c r="C211" s="1">
        <v>495</v>
      </c>
      <c r="D211" s="1">
        <v>46</v>
      </c>
      <c r="E211" s="28" t="s">
        <v>61</v>
      </c>
      <c r="F211" s="28" t="s">
        <v>61</v>
      </c>
      <c r="G211" s="31" t="s">
        <v>61</v>
      </c>
      <c r="H211" s="1">
        <v>358</v>
      </c>
      <c r="I211" s="1">
        <v>755</v>
      </c>
      <c r="J211" s="28" t="s">
        <v>61</v>
      </c>
      <c r="K211" s="28" t="s">
        <v>61</v>
      </c>
      <c r="L211" s="31" t="s">
        <v>61</v>
      </c>
      <c r="M211" s="2">
        <v>0.29732259729453392</v>
      </c>
      <c r="N211" s="2">
        <v>0.29732259729453392</v>
      </c>
      <c r="O211" s="31" t="s">
        <v>61</v>
      </c>
      <c r="P211" s="34">
        <v>2.9280105311485288E-3</v>
      </c>
      <c r="Q211" s="2">
        <v>0.15701680164390186</v>
      </c>
      <c r="R211" s="2">
        <v>9.9538724884291302E-2</v>
      </c>
      <c r="S211" s="19">
        <v>320</v>
      </c>
      <c r="T211" s="18">
        <v>510</v>
      </c>
      <c r="U211" s="18">
        <v>152</v>
      </c>
      <c r="V211" s="18">
        <v>152</v>
      </c>
    </row>
    <row r="212" spans="1:22" x14ac:dyDescent="0.25">
      <c r="A212" s="22">
        <v>8</v>
      </c>
      <c r="B212" s="23" t="s">
        <v>201</v>
      </c>
      <c r="C212" s="24">
        <v>8142</v>
      </c>
      <c r="D212" s="24">
        <v>10776</v>
      </c>
      <c r="E212" s="24">
        <v>10006</v>
      </c>
      <c r="F212" s="24">
        <v>9682</v>
      </c>
      <c r="G212" s="25">
        <v>-5.3027459497752089E-2</v>
      </c>
      <c r="H212" s="24">
        <v>6739</v>
      </c>
      <c r="I212" s="24">
        <v>9342</v>
      </c>
      <c r="J212" s="24">
        <v>8409</v>
      </c>
      <c r="K212" s="24">
        <v>8171</v>
      </c>
      <c r="L212" s="25">
        <v>-5.8394750486174506E-2</v>
      </c>
      <c r="M212" s="25">
        <v>0.21101150929723161</v>
      </c>
      <c r="N212" s="25">
        <v>0.21101150929723161</v>
      </c>
      <c r="O212" s="25">
        <v>0.17461264141931959</v>
      </c>
      <c r="P212" s="35">
        <v>1.1919853348356517E-2</v>
      </c>
      <c r="Q212" s="25">
        <v>0.19530008128955451</v>
      </c>
      <c r="R212" s="25">
        <v>0.11944462023579809</v>
      </c>
      <c r="S212" s="26">
        <v>3776</v>
      </c>
      <c r="T212" s="27">
        <v>8542</v>
      </c>
      <c r="U212" s="27">
        <v>1802</v>
      </c>
      <c r="V212" s="27">
        <v>1802</v>
      </c>
    </row>
    <row r="213" spans="1:22" x14ac:dyDescent="0.25">
      <c r="A213" s="17">
        <v>8</v>
      </c>
      <c r="B213" s="16" t="s">
        <v>202</v>
      </c>
      <c r="C213" s="1">
        <v>2225</v>
      </c>
      <c r="D213" s="1">
        <v>2655</v>
      </c>
      <c r="E213" s="1">
        <v>2536</v>
      </c>
      <c r="F213" s="1">
        <v>2522</v>
      </c>
      <c r="G213" s="2">
        <v>-3.919299055377512E-2</v>
      </c>
      <c r="H213" s="1">
        <v>1829</v>
      </c>
      <c r="I213" s="1">
        <v>2096</v>
      </c>
      <c r="J213" s="1">
        <v>2258</v>
      </c>
      <c r="K213" s="1">
        <v>2389</v>
      </c>
      <c r="L213" s="2">
        <v>-7.8131563026044737E-2</v>
      </c>
      <c r="M213" s="2">
        <v>0.20118533616982628</v>
      </c>
      <c r="N213" s="2">
        <v>0.20118533616982628</v>
      </c>
      <c r="O213" s="2">
        <v>0.17246884046691149</v>
      </c>
      <c r="P213" s="34">
        <v>1.6826256510382859E-2</v>
      </c>
      <c r="Q213" s="2">
        <v>0.22436242241062815</v>
      </c>
      <c r="R213" s="2">
        <v>0</v>
      </c>
      <c r="S213" s="19">
        <v>3901</v>
      </c>
      <c r="T213" s="18">
        <v>2290</v>
      </c>
      <c r="U213" s="18">
        <v>461</v>
      </c>
      <c r="V213" s="18">
        <v>461</v>
      </c>
    </row>
    <row r="214" spans="1:22" x14ac:dyDescent="0.25">
      <c r="A214" s="22">
        <v>8</v>
      </c>
      <c r="B214" s="23" t="s">
        <v>203</v>
      </c>
      <c r="C214" s="24">
        <v>3218</v>
      </c>
      <c r="D214" s="24">
        <v>5581</v>
      </c>
      <c r="E214" s="24">
        <v>2213</v>
      </c>
      <c r="F214" s="24">
        <v>2216</v>
      </c>
      <c r="G214" s="25">
        <v>0.15086187247329483</v>
      </c>
      <c r="H214" s="24">
        <v>2131</v>
      </c>
      <c r="I214" s="24">
        <v>3164</v>
      </c>
      <c r="J214" s="24">
        <v>2430</v>
      </c>
      <c r="K214" s="24">
        <v>2378</v>
      </c>
      <c r="L214" s="25">
        <v>-3.4556750718702872E-2</v>
      </c>
      <c r="M214" s="25">
        <v>0.33897655401520477</v>
      </c>
      <c r="N214" s="25">
        <v>0.46522556933321857</v>
      </c>
      <c r="O214" s="25">
        <v>0.37994855958656343</v>
      </c>
      <c r="P214" s="35">
        <v>4.1669312204055701E-3</v>
      </c>
      <c r="Q214" s="25">
        <v>0.24193586475444984</v>
      </c>
      <c r="R214" s="25">
        <v>0</v>
      </c>
      <c r="S214" s="26">
        <v>4514</v>
      </c>
      <c r="T214" s="27">
        <v>3225</v>
      </c>
      <c r="U214" s="27">
        <v>1093</v>
      </c>
      <c r="V214" s="27">
        <v>1854</v>
      </c>
    </row>
    <row r="215" spans="1:22" x14ac:dyDescent="0.25">
      <c r="A215" s="17">
        <v>8</v>
      </c>
      <c r="B215" s="16" t="s">
        <v>204</v>
      </c>
      <c r="C215" s="1">
        <v>3466</v>
      </c>
      <c r="D215" s="1">
        <v>4757</v>
      </c>
      <c r="E215" s="1">
        <v>4940</v>
      </c>
      <c r="F215" s="1">
        <v>5180</v>
      </c>
      <c r="G215" s="2">
        <v>-0.11027400010656675</v>
      </c>
      <c r="H215" s="1">
        <v>2188</v>
      </c>
      <c r="I215" s="1">
        <v>2453</v>
      </c>
      <c r="J215" s="1">
        <v>2570</v>
      </c>
      <c r="K215" s="1">
        <v>2825</v>
      </c>
      <c r="L215" s="2">
        <v>-7.5129626010549469E-2</v>
      </c>
      <c r="M215" s="2">
        <v>0.36879313747099168</v>
      </c>
      <c r="N215" s="2">
        <v>0.49428483199125733</v>
      </c>
      <c r="O215" s="2">
        <v>0.48562842096808501</v>
      </c>
      <c r="P215" s="34">
        <v>6.7568642800486392E-3</v>
      </c>
      <c r="Q215" s="2">
        <v>0.24596521916129108</v>
      </c>
      <c r="R215" s="2">
        <v>0</v>
      </c>
      <c r="S215" s="19">
        <v>3439</v>
      </c>
      <c r="T215" s="18">
        <v>3466</v>
      </c>
      <c r="U215" s="18">
        <v>1278</v>
      </c>
      <c r="V215" s="18">
        <v>2138</v>
      </c>
    </row>
    <row r="216" spans="1:22" x14ac:dyDescent="0.25">
      <c r="A216" s="22">
        <v>8</v>
      </c>
      <c r="B216" s="23" t="s">
        <v>205</v>
      </c>
      <c r="C216" s="24">
        <v>4567</v>
      </c>
      <c r="D216" s="24">
        <v>6812</v>
      </c>
      <c r="E216" s="24">
        <v>6395</v>
      </c>
      <c r="F216" s="24">
        <v>6154</v>
      </c>
      <c r="G216" s="25">
        <v>-8.594348023523242E-2</v>
      </c>
      <c r="H216" s="24">
        <v>3817</v>
      </c>
      <c r="I216" s="24">
        <v>5480</v>
      </c>
      <c r="J216" s="24">
        <v>4914</v>
      </c>
      <c r="K216" s="24">
        <v>4823</v>
      </c>
      <c r="L216" s="25">
        <v>-6.9535196087476811E-2</v>
      </c>
      <c r="M216" s="25">
        <v>0.1642107987535672</v>
      </c>
      <c r="N216" s="25">
        <v>0.1642107987535672</v>
      </c>
      <c r="O216" s="25">
        <v>0.20046811404199219</v>
      </c>
      <c r="P216" s="35">
        <v>-1.7919822918309916E-3</v>
      </c>
      <c r="Q216" s="25">
        <v>0.54362131600653651</v>
      </c>
      <c r="R216" s="25">
        <v>4.4952947840715678E-2</v>
      </c>
      <c r="S216" s="26">
        <v>5588</v>
      </c>
      <c r="T216" s="27">
        <v>4567</v>
      </c>
      <c r="U216" s="27">
        <v>750</v>
      </c>
      <c r="V216" s="27">
        <v>750</v>
      </c>
    </row>
    <row r="217" spans="1:22" x14ac:dyDescent="0.25">
      <c r="A217" s="17">
        <v>8</v>
      </c>
      <c r="B217" s="16" t="s">
        <v>206</v>
      </c>
      <c r="C217" s="1">
        <v>558</v>
      </c>
      <c r="D217" s="1">
        <v>508</v>
      </c>
      <c r="E217" s="1">
        <v>249</v>
      </c>
      <c r="F217" s="28" t="s">
        <v>61</v>
      </c>
      <c r="G217" s="28" t="s">
        <v>61</v>
      </c>
      <c r="H217" s="1">
        <v>266</v>
      </c>
      <c r="I217" s="1">
        <v>244</v>
      </c>
      <c r="J217" s="1">
        <v>107</v>
      </c>
      <c r="K217" s="28" t="s">
        <v>61</v>
      </c>
      <c r="L217" s="28" t="s">
        <v>61</v>
      </c>
      <c r="M217" s="2">
        <v>0.52410000000000001</v>
      </c>
      <c r="N217" s="2">
        <v>0.52410000000000001</v>
      </c>
      <c r="O217" s="2">
        <v>0.53120000000000001</v>
      </c>
      <c r="P217" s="34">
        <v>0</v>
      </c>
      <c r="Q217" s="2">
        <v>0</v>
      </c>
      <c r="R217" s="2">
        <v>0</v>
      </c>
      <c r="S217" s="19">
        <v>914</v>
      </c>
      <c r="T217" s="18">
        <v>558</v>
      </c>
      <c r="U217" s="18">
        <v>293</v>
      </c>
      <c r="V217" s="18">
        <v>293</v>
      </c>
    </row>
    <row r="218" spans="1:22" x14ac:dyDescent="0.25">
      <c r="A218" s="22">
        <v>8</v>
      </c>
      <c r="B218" s="23" t="s">
        <v>207</v>
      </c>
      <c r="C218" s="24">
        <v>2518</v>
      </c>
      <c r="D218" s="24">
        <v>2560</v>
      </c>
      <c r="E218" s="29" t="s">
        <v>61</v>
      </c>
      <c r="F218" s="29" t="s">
        <v>61</v>
      </c>
      <c r="G218" s="29" t="s">
        <v>61</v>
      </c>
      <c r="H218" s="24">
        <v>2479</v>
      </c>
      <c r="I218" s="24">
        <v>2613</v>
      </c>
      <c r="J218" s="29" t="s">
        <v>61</v>
      </c>
      <c r="K218" s="29" t="s">
        <v>61</v>
      </c>
      <c r="L218" s="29" t="s">
        <v>61</v>
      </c>
      <c r="M218" s="25">
        <v>1.5386490973849001E-2</v>
      </c>
      <c r="N218" s="25">
        <v>2.9553669452767085E-2</v>
      </c>
      <c r="O218" s="29" t="s">
        <v>61</v>
      </c>
      <c r="P218" s="35">
        <v>1.1136388789827716E-2</v>
      </c>
      <c r="Q218" s="25">
        <v>0.27934189056156761</v>
      </c>
      <c r="R218" s="25">
        <v>0</v>
      </c>
      <c r="S218" s="26">
        <v>2512</v>
      </c>
      <c r="T218" s="27">
        <v>2518</v>
      </c>
      <c r="U218" s="27">
        <v>39</v>
      </c>
      <c r="V218" s="27">
        <v>76</v>
      </c>
    </row>
    <row r="219" spans="1:22" x14ac:dyDescent="0.25">
      <c r="A219" s="17">
        <v>8</v>
      </c>
      <c r="B219" s="16" t="s">
        <v>208</v>
      </c>
      <c r="C219" s="1">
        <v>3816</v>
      </c>
      <c r="D219" s="1">
        <v>2809</v>
      </c>
      <c r="E219" s="1">
        <v>222</v>
      </c>
      <c r="F219" s="28" t="s">
        <v>61</v>
      </c>
      <c r="G219" s="28" t="s">
        <v>61</v>
      </c>
      <c r="H219" s="1">
        <v>5590</v>
      </c>
      <c r="I219" s="1">
        <v>4405</v>
      </c>
      <c r="J219" s="1">
        <v>1634</v>
      </c>
      <c r="K219" s="28" t="s">
        <v>61</v>
      </c>
      <c r="L219" s="28" t="s">
        <v>61</v>
      </c>
      <c r="M219" s="2">
        <v>-0.46479782614961729</v>
      </c>
      <c r="N219" s="2">
        <v>-0.51805363311697927</v>
      </c>
      <c r="O219" s="2">
        <v>-0.73202036738501797</v>
      </c>
      <c r="P219" s="34">
        <v>0</v>
      </c>
      <c r="Q219" s="2">
        <v>0.26321866755862244</v>
      </c>
      <c r="R219" s="2">
        <v>0</v>
      </c>
      <c r="S219" s="19">
        <v>2183</v>
      </c>
      <c r="T219" s="18">
        <v>3816</v>
      </c>
      <c r="U219" s="18">
        <v>-1774</v>
      </c>
      <c r="V219" s="18">
        <v>-1908</v>
      </c>
    </row>
    <row r="220" spans="1:22" x14ac:dyDescent="0.25">
      <c r="A220" s="22">
        <v>8</v>
      </c>
      <c r="B220" s="23" t="s">
        <v>209</v>
      </c>
      <c r="C220" s="24">
        <v>7420</v>
      </c>
      <c r="D220" s="24">
        <v>7632</v>
      </c>
      <c r="E220" s="24">
        <v>7913</v>
      </c>
      <c r="F220" s="24">
        <v>7951</v>
      </c>
      <c r="G220" s="25">
        <v>-2.2281858509066558E-2</v>
      </c>
      <c r="H220" s="24">
        <v>6401</v>
      </c>
      <c r="I220" s="24">
        <v>6127</v>
      </c>
      <c r="J220" s="24">
        <v>6149</v>
      </c>
      <c r="K220" s="24">
        <v>6089</v>
      </c>
      <c r="L220" s="25">
        <v>1.7074014272876806E-2</v>
      </c>
      <c r="M220" s="25">
        <v>0.15520395563764941</v>
      </c>
      <c r="N220" s="25">
        <v>0.15520395563764941</v>
      </c>
      <c r="O220" s="25">
        <v>0.19293642574017703</v>
      </c>
      <c r="P220" s="35">
        <v>3.7999940629050407E-3</v>
      </c>
      <c r="Q220" s="25">
        <v>0.1937916932728227</v>
      </c>
      <c r="R220" s="25">
        <v>0</v>
      </c>
      <c r="S220" s="26">
        <v>6411</v>
      </c>
      <c r="T220" s="27">
        <v>7577</v>
      </c>
      <c r="U220" s="27">
        <v>1176</v>
      </c>
      <c r="V220" s="27">
        <v>1176</v>
      </c>
    </row>
    <row r="221" spans="1:22" x14ac:dyDescent="0.25">
      <c r="A221" s="17">
        <v>8</v>
      </c>
      <c r="B221" s="16" t="s">
        <v>210</v>
      </c>
      <c r="C221" s="1">
        <v>6410</v>
      </c>
      <c r="D221" s="1">
        <v>10035</v>
      </c>
      <c r="E221" s="1">
        <v>10054</v>
      </c>
      <c r="F221" s="1">
        <v>7278</v>
      </c>
      <c r="G221" s="2">
        <v>-3.9786739591489644E-2</v>
      </c>
      <c r="H221" s="1">
        <v>6587</v>
      </c>
      <c r="I221" s="1">
        <v>8393</v>
      </c>
      <c r="J221" s="1">
        <v>8487</v>
      </c>
      <c r="K221" s="1">
        <v>6403</v>
      </c>
      <c r="L221" s="2">
        <v>9.5808212401716462E-3</v>
      </c>
      <c r="M221" s="2">
        <v>-2.7658287173521784E-2</v>
      </c>
      <c r="N221" s="2">
        <v>6.0551267092227898E-2</v>
      </c>
      <c r="O221" s="2">
        <v>0.13407875012338435</v>
      </c>
      <c r="P221" s="34">
        <v>3.3541699661698577E-4</v>
      </c>
      <c r="Q221" s="2">
        <v>0.29941033899852021</v>
      </c>
      <c r="R221" s="2">
        <v>6.835043914494084E-4</v>
      </c>
      <c r="S221" s="19">
        <v>5125</v>
      </c>
      <c r="T221" s="18">
        <v>6410</v>
      </c>
      <c r="U221" s="18">
        <v>-177</v>
      </c>
      <c r="V221" s="18">
        <v>425</v>
      </c>
    </row>
    <row r="222" spans="1:22" x14ac:dyDescent="0.25">
      <c r="A222" s="22">
        <v>8</v>
      </c>
      <c r="B222" s="23" t="s">
        <v>211</v>
      </c>
      <c r="C222" s="24">
        <v>1269</v>
      </c>
      <c r="D222" s="24">
        <v>1392</v>
      </c>
      <c r="E222" s="24">
        <v>1416</v>
      </c>
      <c r="F222" s="24">
        <v>1521</v>
      </c>
      <c r="G222" s="25">
        <v>-5.5291892413164311E-2</v>
      </c>
      <c r="H222" s="24">
        <v>878</v>
      </c>
      <c r="I222" s="24">
        <v>950</v>
      </c>
      <c r="J222" s="24">
        <v>1021</v>
      </c>
      <c r="K222" s="24">
        <v>1042</v>
      </c>
      <c r="L222" s="25">
        <v>-5.2424798017448065E-2</v>
      </c>
      <c r="M222" s="25">
        <v>0.30761081283900482</v>
      </c>
      <c r="N222" s="25">
        <v>0.30761081283900482</v>
      </c>
      <c r="O222" s="25">
        <v>0.30103199799649188</v>
      </c>
      <c r="P222" s="35">
        <v>0</v>
      </c>
      <c r="Q222" s="25">
        <v>0.79865409636089024</v>
      </c>
      <c r="R222" s="25">
        <v>1.0368784157166308E-2</v>
      </c>
      <c r="S222" s="26">
        <v>831</v>
      </c>
      <c r="T222" s="27">
        <v>1269</v>
      </c>
      <c r="U222" s="27">
        <v>390</v>
      </c>
      <c r="V222" s="27">
        <v>390</v>
      </c>
    </row>
    <row r="223" spans="1:22" x14ac:dyDescent="0.25">
      <c r="A223" s="17">
        <v>8</v>
      </c>
      <c r="B223" s="16" t="s">
        <v>212</v>
      </c>
      <c r="C223" s="1">
        <v>3175</v>
      </c>
      <c r="D223" s="1">
        <v>3208</v>
      </c>
      <c r="E223" s="1">
        <v>2531</v>
      </c>
      <c r="F223" s="1">
        <v>1167</v>
      </c>
      <c r="G223" s="2">
        <v>0.57387263898759033</v>
      </c>
      <c r="H223" s="1">
        <v>2012</v>
      </c>
      <c r="I223" s="1">
        <v>1882</v>
      </c>
      <c r="J223" s="1">
        <v>1909</v>
      </c>
      <c r="K223" s="1">
        <v>1377</v>
      </c>
      <c r="L223" s="2">
        <v>0.15355728561260645</v>
      </c>
      <c r="M223" s="2">
        <v>0.36631948162884254</v>
      </c>
      <c r="N223" s="2">
        <v>0.36884183368072593</v>
      </c>
      <c r="O223" s="2">
        <v>0.3500307391189792</v>
      </c>
      <c r="P223" s="34" t="s">
        <v>310</v>
      </c>
      <c r="Q223" s="2">
        <v>0.22794088007127974</v>
      </c>
      <c r="R223" s="2">
        <v>4.7566161027162199E-2</v>
      </c>
      <c r="S223" s="19">
        <v>2224</v>
      </c>
      <c r="T223" s="18">
        <v>3175</v>
      </c>
      <c r="U223" s="18">
        <v>1163</v>
      </c>
      <c r="V223" s="18">
        <v>1176</v>
      </c>
    </row>
    <row r="224" spans="1:22" x14ac:dyDescent="0.25">
      <c r="A224" s="22">
        <v>8</v>
      </c>
      <c r="B224" s="23" t="s">
        <v>213</v>
      </c>
      <c r="C224" s="24">
        <v>5662</v>
      </c>
      <c r="D224" s="24">
        <v>5070</v>
      </c>
      <c r="E224" s="29" t="s">
        <v>61</v>
      </c>
      <c r="F224" s="29" t="s">
        <v>61</v>
      </c>
      <c r="G224" s="29" t="s">
        <v>61</v>
      </c>
      <c r="H224" s="24">
        <v>7757</v>
      </c>
      <c r="I224" s="24">
        <v>6602</v>
      </c>
      <c r="J224" s="29" t="s">
        <v>61</v>
      </c>
      <c r="K224" s="29" t="s">
        <v>61</v>
      </c>
      <c r="L224" s="29" t="s">
        <v>61</v>
      </c>
      <c r="M224" s="25">
        <v>-0.3442651560131697</v>
      </c>
      <c r="N224" s="25">
        <v>-0.3442651560131697</v>
      </c>
      <c r="O224" s="29" t="s">
        <v>61</v>
      </c>
      <c r="P224" s="35">
        <v>0</v>
      </c>
      <c r="Q224" s="25">
        <v>0.14588293971431671</v>
      </c>
      <c r="R224" s="25">
        <v>3.2373296428128635E-4</v>
      </c>
      <c r="S224" s="26">
        <v>2301</v>
      </c>
      <c r="T224" s="27">
        <v>5770</v>
      </c>
      <c r="U224" s="27">
        <v>-1986</v>
      </c>
      <c r="V224" s="27">
        <v>-1986</v>
      </c>
    </row>
    <row r="225" spans="1:22" x14ac:dyDescent="0.25">
      <c r="A225" s="17">
        <v>8</v>
      </c>
      <c r="B225" s="16" t="s">
        <v>214</v>
      </c>
      <c r="C225" s="1">
        <v>651</v>
      </c>
      <c r="D225" s="1">
        <v>516</v>
      </c>
      <c r="E225" s="1">
        <v>455</v>
      </c>
      <c r="F225" s="1">
        <v>1641</v>
      </c>
      <c r="G225" s="2">
        <v>-0.20101327879123262</v>
      </c>
      <c r="H225" s="1">
        <v>547</v>
      </c>
      <c r="I225" s="1">
        <v>458</v>
      </c>
      <c r="J225" s="1">
        <v>384</v>
      </c>
      <c r="K225" s="1">
        <v>1101</v>
      </c>
      <c r="L225" s="2">
        <v>-0.16789685321670778</v>
      </c>
      <c r="M225" s="2">
        <v>0.16091055782183417</v>
      </c>
      <c r="N225" s="2">
        <v>0.16091055782183417</v>
      </c>
      <c r="O225" s="2">
        <v>0.14417305894453616</v>
      </c>
      <c r="P225" s="34">
        <v>4.309690457413249E-2</v>
      </c>
      <c r="Q225" s="2">
        <v>7.3293743033570891E-2</v>
      </c>
      <c r="R225" s="2">
        <v>0</v>
      </c>
      <c r="S225" s="19">
        <v>175</v>
      </c>
      <c r="T225" s="18">
        <v>651</v>
      </c>
      <c r="U225" s="18">
        <v>105</v>
      </c>
      <c r="V225" s="18">
        <v>105</v>
      </c>
    </row>
    <row r="226" spans="1:22" x14ac:dyDescent="0.25">
      <c r="A226" s="22">
        <v>8</v>
      </c>
      <c r="B226" s="23" t="s">
        <v>215</v>
      </c>
      <c r="C226" s="24">
        <v>176</v>
      </c>
      <c r="D226" s="24">
        <v>261</v>
      </c>
      <c r="E226" s="24">
        <v>218</v>
      </c>
      <c r="F226" s="24">
        <v>163</v>
      </c>
      <c r="G226" s="25">
        <v>2.5018350868607781E-2</v>
      </c>
      <c r="H226" s="24">
        <v>124</v>
      </c>
      <c r="I226" s="24">
        <v>185</v>
      </c>
      <c r="J226" s="24">
        <v>163</v>
      </c>
      <c r="K226" s="24">
        <v>132</v>
      </c>
      <c r="L226" s="25">
        <v>-2.1410296238486001E-2</v>
      </c>
      <c r="M226" s="25">
        <v>0.29729729729729731</v>
      </c>
      <c r="N226" s="25">
        <v>0.29729729729729731</v>
      </c>
      <c r="O226" s="25">
        <v>0.27873821815942784</v>
      </c>
      <c r="P226" s="35" t="s">
        <v>310</v>
      </c>
      <c r="Q226" s="25">
        <v>0</v>
      </c>
      <c r="R226" s="25">
        <v>0</v>
      </c>
      <c r="S226" s="26">
        <v>131</v>
      </c>
      <c r="T226" s="27">
        <v>176</v>
      </c>
      <c r="U226" s="27">
        <v>52</v>
      </c>
      <c r="V226" s="27">
        <v>52</v>
      </c>
    </row>
    <row r="227" spans="1:22" x14ac:dyDescent="0.25">
      <c r="A227" s="17">
        <v>8</v>
      </c>
      <c r="B227" s="16" t="s">
        <v>216</v>
      </c>
      <c r="C227" s="1">
        <v>494</v>
      </c>
      <c r="D227" s="1">
        <v>547</v>
      </c>
      <c r="E227" s="1">
        <v>667</v>
      </c>
      <c r="F227" s="1">
        <v>260</v>
      </c>
      <c r="G227" s="2">
        <v>0.29868374571871786</v>
      </c>
      <c r="H227" s="1">
        <v>519</v>
      </c>
      <c r="I227" s="1">
        <v>547</v>
      </c>
      <c r="J227" s="1">
        <v>667</v>
      </c>
      <c r="K227" s="1">
        <v>262</v>
      </c>
      <c r="L227" s="2">
        <v>0.32564354649818744</v>
      </c>
      <c r="M227" s="2">
        <v>3.8550501156515032E-6</v>
      </c>
      <c r="N227" s="2">
        <v>3.8550501156515032E-6</v>
      </c>
      <c r="O227" s="2">
        <v>2.1865678961062937E-4</v>
      </c>
      <c r="P227" s="34" t="s">
        <v>310</v>
      </c>
      <c r="Q227" s="2">
        <v>1</v>
      </c>
      <c r="R227" s="2">
        <v>0</v>
      </c>
      <c r="S227" s="19">
        <v>77</v>
      </c>
      <c r="T227" s="18">
        <v>519</v>
      </c>
      <c r="U227" s="18">
        <v>0</v>
      </c>
      <c r="V227" s="18">
        <v>0</v>
      </c>
    </row>
    <row r="228" spans="1:22" x14ac:dyDescent="0.25">
      <c r="A228" s="22">
        <v>8</v>
      </c>
      <c r="B228" s="23" t="s">
        <v>217</v>
      </c>
      <c r="C228" s="24">
        <v>8319</v>
      </c>
      <c r="D228" s="24">
        <v>4137</v>
      </c>
      <c r="E228" s="24">
        <v>3053</v>
      </c>
      <c r="F228" s="24">
        <v>3424</v>
      </c>
      <c r="G228" s="25">
        <v>0.4764602060741317</v>
      </c>
      <c r="H228" s="24">
        <v>6407</v>
      </c>
      <c r="I228" s="24">
        <v>3275</v>
      </c>
      <c r="J228" s="24">
        <v>2804</v>
      </c>
      <c r="K228" s="24">
        <v>2933</v>
      </c>
      <c r="L228" s="25">
        <v>0.39469172118451484</v>
      </c>
      <c r="M228" s="25">
        <v>0.24627056360476657</v>
      </c>
      <c r="N228" s="25">
        <v>0.24627056360476657</v>
      </c>
      <c r="O228" s="25">
        <v>0.20621176151678478</v>
      </c>
      <c r="P228" s="35">
        <v>5.6529838479432966E-3</v>
      </c>
      <c r="Q228" s="25">
        <v>0.63127901445098189</v>
      </c>
      <c r="R228" s="25">
        <v>1.3668940751725967E-3</v>
      </c>
      <c r="S228" s="26">
        <v>4185</v>
      </c>
      <c r="T228" s="27">
        <v>8500</v>
      </c>
      <c r="U228" s="27">
        <v>2093</v>
      </c>
      <c r="V228" s="27">
        <v>2093</v>
      </c>
    </row>
    <row r="229" spans="1:22" x14ac:dyDescent="0.25">
      <c r="A229" s="17">
        <v>8</v>
      </c>
      <c r="B229" s="16" t="s">
        <v>218</v>
      </c>
      <c r="C229" s="1">
        <v>2332</v>
      </c>
      <c r="D229" s="1">
        <v>3055</v>
      </c>
      <c r="E229" s="1">
        <v>2732</v>
      </c>
      <c r="F229" s="1">
        <v>2708</v>
      </c>
      <c r="G229" s="2">
        <v>-4.6228879402784133E-2</v>
      </c>
      <c r="H229" s="1">
        <v>1466</v>
      </c>
      <c r="I229" s="1">
        <v>1557</v>
      </c>
      <c r="J229" s="1">
        <v>1583</v>
      </c>
      <c r="K229" s="1">
        <v>1525</v>
      </c>
      <c r="L229" s="2">
        <v>-1.3020990402963638E-2</v>
      </c>
      <c r="M229" s="2">
        <v>0.37148468320126238</v>
      </c>
      <c r="N229" s="2">
        <v>0.42246114043738953</v>
      </c>
      <c r="O229" s="2">
        <v>0.44717490334900367</v>
      </c>
      <c r="P229" s="34">
        <v>5.4057999012600078E-3</v>
      </c>
      <c r="Q229" s="2">
        <v>0.31894703440705291</v>
      </c>
      <c r="R229" s="2">
        <v>-4.4852663716510581E-4</v>
      </c>
      <c r="S229" s="19">
        <v>3628</v>
      </c>
      <c r="T229" s="18">
        <v>2332</v>
      </c>
      <c r="U229" s="18">
        <v>866</v>
      </c>
      <c r="V229" s="18">
        <v>1072</v>
      </c>
    </row>
    <row r="230" spans="1:22" x14ac:dyDescent="0.25">
      <c r="A230" s="22">
        <v>8</v>
      </c>
      <c r="B230" s="23" t="s">
        <v>219</v>
      </c>
      <c r="C230" s="24">
        <v>1180</v>
      </c>
      <c r="D230" s="24">
        <v>1756</v>
      </c>
      <c r="E230" s="24">
        <v>1590</v>
      </c>
      <c r="F230" s="24">
        <v>1547</v>
      </c>
      <c r="G230" s="25">
        <v>-7.8994398503394236E-2</v>
      </c>
      <c r="H230" s="24">
        <v>740</v>
      </c>
      <c r="I230" s="24">
        <v>931</v>
      </c>
      <c r="J230" s="24">
        <v>913</v>
      </c>
      <c r="K230" s="24">
        <v>896</v>
      </c>
      <c r="L230" s="25">
        <v>-5.8177707751225216E-2</v>
      </c>
      <c r="M230" s="25">
        <v>0.37320733486637303</v>
      </c>
      <c r="N230" s="25">
        <v>0.37426663644114821</v>
      </c>
      <c r="O230" s="25">
        <v>0.42970473878395993</v>
      </c>
      <c r="P230" s="35">
        <v>6.9976352682844436E-3</v>
      </c>
      <c r="Q230" s="25">
        <v>0.33404703844856831</v>
      </c>
      <c r="R230" s="25">
        <v>1.9318333946210302E-4</v>
      </c>
      <c r="S230" s="26">
        <v>1755</v>
      </c>
      <c r="T230" s="27">
        <v>1180</v>
      </c>
      <c r="U230" s="27">
        <v>440</v>
      </c>
      <c r="V230" s="27">
        <v>442</v>
      </c>
    </row>
    <row r="231" spans="1:22" x14ac:dyDescent="0.25">
      <c r="A231" s="17">
        <v>8</v>
      </c>
      <c r="B231" s="16" t="s">
        <v>220</v>
      </c>
      <c r="C231" s="1">
        <v>4174</v>
      </c>
      <c r="D231" s="1">
        <v>5328</v>
      </c>
      <c r="E231" s="1">
        <v>5090</v>
      </c>
      <c r="F231" s="1">
        <v>4734</v>
      </c>
      <c r="G231" s="2">
        <v>-3.9451816159988114E-2</v>
      </c>
      <c r="H231" s="1">
        <v>2136</v>
      </c>
      <c r="I231" s="1">
        <v>2408</v>
      </c>
      <c r="J231" s="1">
        <v>2186</v>
      </c>
      <c r="K231" s="1">
        <v>2129</v>
      </c>
      <c r="L231" s="2">
        <v>1.0746444967021584E-3</v>
      </c>
      <c r="M231" s="2">
        <v>0.48830639287261407</v>
      </c>
      <c r="N231" s="2">
        <v>0.48886398715619472</v>
      </c>
      <c r="O231" s="2">
        <v>0.53981822625489162</v>
      </c>
      <c r="P231" s="34">
        <v>1.1725766691375477E-3</v>
      </c>
      <c r="Q231" s="2">
        <v>0.23746420397695253</v>
      </c>
      <c r="R231" s="2">
        <v>-2.5780803747704647E-4</v>
      </c>
      <c r="S231" s="19">
        <v>6227</v>
      </c>
      <c r="T231" s="18">
        <v>4174</v>
      </c>
      <c r="U231" s="18">
        <v>2038</v>
      </c>
      <c r="V231" s="18">
        <v>2043</v>
      </c>
    </row>
    <row r="232" spans="1:22" x14ac:dyDescent="0.25">
      <c r="A232" s="22">
        <v>8</v>
      </c>
      <c r="B232" s="23" t="s">
        <v>221</v>
      </c>
      <c r="C232" s="24">
        <v>6714</v>
      </c>
      <c r="D232" s="24">
        <v>8331</v>
      </c>
      <c r="E232" s="24">
        <v>6690</v>
      </c>
      <c r="F232" s="24">
        <v>7572</v>
      </c>
      <c r="G232" s="25">
        <v>-3.7772874023961421E-2</v>
      </c>
      <c r="H232" s="24">
        <v>6865</v>
      </c>
      <c r="I232" s="24">
        <v>7491</v>
      </c>
      <c r="J232" s="24">
        <v>6163</v>
      </c>
      <c r="K232" s="24">
        <v>4702</v>
      </c>
      <c r="L232" s="25">
        <v>0.1532814599955768</v>
      </c>
      <c r="M232" s="25">
        <v>-2.2456882229084388E-2</v>
      </c>
      <c r="N232" s="25">
        <v>-2.3094134081001454E-2</v>
      </c>
      <c r="O232" s="25">
        <v>9.1973548971686955E-2</v>
      </c>
      <c r="P232" s="35">
        <v>0</v>
      </c>
      <c r="Q232" s="25">
        <v>0</v>
      </c>
      <c r="R232" s="25">
        <v>0</v>
      </c>
      <c r="S232" s="26">
        <v>2498</v>
      </c>
      <c r="T232" s="27">
        <v>6714</v>
      </c>
      <c r="U232" s="27">
        <v>-151</v>
      </c>
      <c r="V232" s="27">
        <v>-155</v>
      </c>
    </row>
    <row r="233" spans="1:22" x14ac:dyDescent="0.25">
      <c r="A233" s="17">
        <v>8</v>
      </c>
      <c r="B233" s="16" t="s">
        <v>222</v>
      </c>
      <c r="C233" s="1">
        <v>11142</v>
      </c>
      <c r="D233" s="1">
        <v>13078</v>
      </c>
      <c r="E233" s="1">
        <v>12327</v>
      </c>
      <c r="F233" s="1">
        <v>13052</v>
      </c>
      <c r="G233" s="2">
        <v>-4.877372938971699E-2</v>
      </c>
      <c r="H233" s="1">
        <v>10054</v>
      </c>
      <c r="I233" s="1">
        <v>10907</v>
      </c>
      <c r="J233" s="1">
        <v>10408</v>
      </c>
      <c r="K233" s="1">
        <v>11125</v>
      </c>
      <c r="L233" s="2">
        <v>-3.2091318402043621E-2</v>
      </c>
      <c r="M233" s="2">
        <v>0.10165474388506951</v>
      </c>
      <c r="N233" s="2">
        <v>0.12927906057912869</v>
      </c>
      <c r="O233" s="2">
        <v>0.15350143412148623</v>
      </c>
      <c r="P233" s="34">
        <v>7.3120199223289742E-4</v>
      </c>
      <c r="Q233" s="2">
        <v>0.60164337925299882</v>
      </c>
      <c r="R233" s="2">
        <v>1.4181830746565897E-2</v>
      </c>
      <c r="S233" s="19">
        <v>6438</v>
      </c>
      <c r="T233" s="18">
        <v>11191</v>
      </c>
      <c r="U233" s="18">
        <v>1138</v>
      </c>
      <c r="V233" s="18">
        <v>1493</v>
      </c>
    </row>
    <row r="234" spans="1:22" x14ac:dyDescent="0.25">
      <c r="A234" s="22">
        <v>8</v>
      </c>
      <c r="B234" s="23" t="s">
        <v>223</v>
      </c>
      <c r="C234" s="24">
        <v>6072</v>
      </c>
      <c r="D234" s="24">
        <v>9778</v>
      </c>
      <c r="E234" s="24">
        <v>9366</v>
      </c>
      <c r="F234" s="24">
        <v>8388</v>
      </c>
      <c r="G234" s="25">
        <v>-9.2058706839657722E-2</v>
      </c>
      <c r="H234" s="24">
        <v>5117</v>
      </c>
      <c r="I234" s="24">
        <v>7782</v>
      </c>
      <c r="J234" s="24">
        <v>7315</v>
      </c>
      <c r="K234" s="24">
        <v>6645</v>
      </c>
      <c r="L234" s="25">
        <v>-7.660751437570433E-2</v>
      </c>
      <c r="M234" s="25">
        <v>0.1571478452208801</v>
      </c>
      <c r="N234" s="25">
        <v>0.23025140766451782</v>
      </c>
      <c r="O234" s="25">
        <v>0.21685489711552164</v>
      </c>
      <c r="P234" s="35">
        <v>0</v>
      </c>
      <c r="Q234" s="25">
        <v>0.44351367753986937</v>
      </c>
      <c r="R234" s="25">
        <v>0</v>
      </c>
      <c r="S234" s="26">
        <v>5595</v>
      </c>
      <c r="T234" s="27">
        <v>6072</v>
      </c>
      <c r="U234" s="27">
        <v>954</v>
      </c>
      <c r="V234" s="27">
        <v>1531</v>
      </c>
    </row>
    <row r="235" spans="1:22" x14ac:dyDescent="0.25">
      <c r="A235" s="17">
        <v>8</v>
      </c>
      <c r="B235" s="16" t="s">
        <v>224</v>
      </c>
      <c r="C235" s="1">
        <v>2222</v>
      </c>
      <c r="D235" s="1">
        <v>3176</v>
      </c>
      <c r="E235" s="1">
        <v>2222</v>
      </c>
      <c r="F235" s="1">
        <v>545</v>
      </c>
      <c r="G235" s="2">
        <v>1.0262176890476356</v>
      </c>
      <c r="H235" s="1">
        <v>3289</v>
      </c>
      <c r="I235" s="1">
        <v>3631</v>
      </c>
      <c r="J235" s="1">
        <v>3573</v>
      </c>
      <c r="K235" s="1">
        <v>1327</v>
      </c>
      <c r="L235" s="2">
        <v>0.49254351270789543</v>
      </c>
      <c r="M235" s="2">
        <v>-0.48000399614066414</v>
      </c>
      <c r="N235" s="2">
        <v>-0.48000399614066414</v>
      </c>
      <c r="O235" s="2">
        <v>-0.37483578316590399</v>
      </c>
      <c r="P235" s="34">
        <v>1.192162431067838E-3</v>
      </c>
      <c r="Q235" s="2">
        <v>0.64378395089784946</v>
      </c>
      <c r="R235" s="2">
        <v>0</v>
      </c>
      <c r="S235" s="19">
        <v>166</v>
      </c>
      <c r="T235" s="18">
        <v>2222</v>
      </c>
      <c r="U235" s="18">
        <v>-1067</v>
      </c>
      <c r="V235" s="18">
        <v>-1067</v>
      </c>
    </row>
    <row r="236" spans="1:22" x14ac:dyDescent="0.25">
      <c r="A236" s="22">
        <v>8</v>
      </c>
      <c r="B236" s="23" t="s">
        <v>225</v>
      </c>
      <c r="C236" s="24">
        <v>1686</v>
      </c>
      <c r="D236" s="24">
        <v>2274</v>
      </c>
      <c r="E236" s="24">
        <v>2170</v>
      </c>
      <c r="F236" s="24">
        <v>2164</v>
      </c>
      <c r="G236" s="25">
        <v>-7.3668038500058999E-2</v>
      </c>
      <c r="H236" s="24">
        <v>1776</v>
      </c>
      <c r="I236" s="24">
        <v>2126</v>
      </c>
      <c r="J236" s="24">
        <v>2115</v>
      </c>
      <c r="K236" s="24">
        <v>2039</v>
      </c>
      <c r="L236" s="25">
        <v>-4.2983355906667235E-2</v>
      </c>
      <c r="M236" s="25">
        <v>-5.3336837197272682E-2</v>
      </c>
      <c r="N236" s="25">
        <v>1.2728256504459671E-3</v>
      </c>
      <c r="O236" s="25">
        <v>3.3102087162100807E-2</v>
      </c>
      <c r="P236" s="35">
        <v>0</v>
      </c>
      <c r="Q236" s="25">
        <v>0.49415693118466592</v>
      </c>
      <c r="R236" s="25">
        <v>4.4384188003260251E-2</v>
      </c>
      <c r="S236" s="26">
        <v>1573</v>
      </c>
      <c r="T236" s="27">
        <v>1686</v>
      </c>
      <c r="U236" s="27">
        <v>-90</v>
      </c>
      <c r="V236" s="27">
        <v>2</v>
      </c>
    </row>
    <row r="237" spans="1:22" x14ac:dyDescent="0.25">
      <c r="A237" s="17">
        <v>8</v>
      </c>
      <c r="B237" s="16" t="s">
        <v>226</v>
      </c>
      <c r="C237" s="1">
        <v>7132</v>
      </c>
      <c r="D237" s="1">
        <v>8414</v>
      </c>
      <c r="E237" s="1">
        <v>8855</v>
      </c>
      <c r="F237" s="1">
        <v>8987</v>
      </c>
      <c r="G237" s="2">
        <v>-6.8796193733702674E-2</v>
      </c>
      <c r="H237" s="1">
        <v>5819</v>
      </c>
      <c r="I237" s="1">
        <v>6181</v>
      </c>
      <c r="J237" s="1">
        <v>6239</v>
      </c>
      <c r="K237" s="1">
        <v>6207</v>
      </c>
      <c r="L237" s="2">
        <v>-2.0863884940639867E-2</v>
      </c>
      <c r="M237" s="2">
        <v>0.18416631007855408</v>
      </c>
      <c r="N237" s="2">
        <v>0.24295580274022932</v>
      </c>
      <c r="O237" s="2">
        <v>0.27188011431105868</v>
      </c>
      <c r="P237" s="34" t="s">
        <v>310</v>
      </c>
      <c r="Q237" s="2">
        <v>0.25559035911128536</v>
      </c>
      <c r="R237" s="2">
        <v>0</v>
      </c>
      <c r="S237" s="19">
        <v>3729</v>
      </c>
      <c r="T237" s="18">
        <v>7132</v>
      </c>
      <c r="U237" s="18">
        <v>1314</v>
      </c>
      <c r="V237" s="18">
        <v>1867</v>
      </c>
    </row>
    <row r="238" spans="1:22" x14ac:dyDescent="0.25">
      <c r="A238" s="22">
        <v>8</v>
      </c>
      <c r="B238" s="23" t="s">
        <v>227</v>
      </c>
      <c r="C238" s="24">
        <v>14273</v>
      </c>
      <c r="D238" s="24">
        <v>17012</v>
      </c>
      <c r="E238" s="24">
        <v>18786</v>
      </c>
      <c r="F238" s="24">
        <v>6270</v>
      </c>
      <c r="G238" s="25">
        <v>0.42553641483300014</v>
      </c>
      <c r="H238" s="24">
        <v>12389</v>
      </c>
      <c r="I238" s="24">
        <v>12881</v>
      </c>
      <c r="J238" s="24">
        <v>12777</v>
      </c>
      <c r="K238" s="24">
        <v>6213</v>
      </c>
      <c r="L238" s="25">
        <v>0.33132666995763321</v>
      </c>
      <c r="M238" s="25">
        <v>0.15684856213054157</v>
      </c>
      <c r="N238" s="25">
        <v>0.15178773530067038</v>
      </c>
      <c r="O238" s="25">
        <v>0.24225055844407331</v>
      </c>
      <c r="P238" s="35">
        <v>2.1799583014098941E-4</v>
      </c>
      <c r="Q238" s="25">
        <v>8.1178194238486379E-2</v>
      </c>
      <c r="R238" s="25">
        <v>1.9913963048192717E-3</v>
      </c>
      <c r="S238" s="26">
        <v>3368</v>
      </c>
      <c r="T238" s="27">
        <v>14693</v>
      </c>
      <c r="U238" s="27">
        <v>2305</v>
      </c>
      <c r="V238" s="27">
        <v>2217</v>
      </c>
    </row>
    <row r="239" spans="1:22" x14ac:dyDescent="0.25">
      <c r="A239" s="17">
        <v>8</v>
      </c>
      <c r="B239" s="16" t="s">
        <v>228</v>
      </c>
      <c r="C239" s="1">
        <v>1130</v>
      </c>
      <c r="D239" s="1">
        <v>1051</v>
      </c>
      <c r="E239" s="1">
        <v>1109</v>
      </c>
      <c r="F239" s="1">
        <v>1288</v>
      </c>
      <c r="G239" s="2">
        <v>-4.0847422087957316E-2</v>
      </c>
      <c r="H239" s="1">
        <v>661</v>
      </c>
      <c r="I239" s="1">
        <v>601</v>
      </c>
      <c r="J239" s="1">
        <v>861</v>
      </c>
      <c r="K239" s="1">
        <v>788</v>
      </c>
      <c r="L239" s="2">
        <v>-5.366316850460872E-2</v>
      </c>
      <c r="M239" s="2">
        <v>0.41504377471510145</v>
      </c>
      <c r="N239" s="2">
        <v>0.41504377471510145</v>
      </c>
      <c r="O239" s="2">
        <v>0.35477231462023961</v>
      </c>
      <c r="P239" s="34">
        <v>0</v>
      </c>
      <c r="Q239" s="2">
        <v>0.10516797237365744</v>
      </c>
      <c r="R239" s="2">
        <v>3.2244829283347265E-2</v>
      </c>
      <c r="S239" s="19">
        <v>1557</v>
      </c>
      <c r="T239" s="18">
        <v>1130</v>
      </c>
      <c r="U239" s="18">
        <v>469</v>
      </c>
      <c r="V239" s="18">
        <v>469</v>
      </c>
    </row>
    <row r="240" spans="1:22" x14ac:dyDescent="0.25">
      <c r="A240" s="22">
        <v>8</v>
      </c>
      <c r="B240" s="23" t="s">
        <v>229</v>
      </c>
      <c r="C240" s="24">
        <v>5090</v>
      </c>
      <c r="D240" s="24">
        <v>7151</v>
      </c>
      <c r="E240" s="24">
        <v>6973</v>
      </c>
      <c r="F240" s="24">
        <v>6717</v>
      </c>
      <c r="G240" s="25">
        <v>-8.0743792416691135E-2</v>
      </c>
      <c r="H240" s="24">
        <v>5744</v>
      </c>
      <c r="I240" s="24">
        <v>6033</v>
      </c>
      <c r="J240" s="24">
        <v>5870</v>
      </c>
      <c r="K240" s="24">
        <v>6324</v>
      </c>
      <c r="L240" s="25">
        <v>-3.0584257429667056E-2</v>
      </c>
      <c r="M240" s="25">
        <v>9.4195173431352572E-2</v>
      </c>
      <c r="N240" s="25">
        <v>9.4195173431352572E-2</v>
      </c>
      <c r="O240" s="25">
        <v>0.1381317288365852</v>
      </c>
      <c r="P240" s="35">
        <v>2.06165805099736E-3</v>
      </c>
      <c r="Q240" s="25">
        <v>0.18666129650186156</v>
      </c>
      <c r="R240" s="25">
        <v>2.4658879927699244E-3</v>
      </c>
      <c r="S240" s="26">
        <v>2617</v>
      </c>
      <c r="T240" s="27">
        <v>6341</v>
      </c>
      <c r="U240" s="27">
        <v>597</v>
      </c>
      <c r="V240" s="27">
        <v>597</v>
      </c>
    </row>
    <row r="241" spans="1:22" x14ac:dyDescent="0.25">
      <c r="A241" s="17">
        <v>8</v>
      </c>
      <c r="B241" s="6" t="s">
        <v>230</v>
      </c>
      <c r="C241" s="1">
        <v>3698</v>
      </c>
      <c r="D241" s="1">
        <v>4421</v>
      </c>
      <c r="E241" s="1">
        <v>5737</v>
      </c>
      <c r="F241" s="1">
        <v>5733</v>
      </c>
      <c r="G241" s="2">
        <v>-0.11834176956343999</v>
      </c>
      <c r="H241" s="1">
        <v>3544</v>
      </c>
      <c r="I241" s="1">
        <v>3842</v>
      </c>
      <c r="J241" s="1">
        <v>3486</v>
      </c>
      <c r="K241" s="1">
        <v>2919</v>
      </c>
      <c r="L241" s="2">
        <v>7.1333200430495583E-2</v>
      </c>
      <c r="M241" s="2">
        <v>4.1503420959328997E-2</v>
      </c>
      <c r="N241" s="2">
        <v>4.1503420959328997E-2</v>
      </c>
      <c r="O241" s="2">
        <v>0.21537448408800761</v>
      </c>
      <c r="P241" s="34">
        <v>5.1687911486004287E-3</v>
      </c>
      <c r="Q241" s="2">
        <v>0.12195209872614632</v>
      </c>
      <c r="R241" s="2">
        <v>2.0979181790157217E-2</v>
      </c>
      <c r="S241" s="19">
        <v>4114</v>
      </c>
      <c r="T241" s="18">
        <v>3698</v>
      </c>
      <c r="U241" s="18">
        <v>153</v>
      </c>
      <c r="V241" s="18">
        <v>153</v>
      </c>
    </row>
    <row r="242" spans="1:22" x14ac:dyDescent="0.25">
      <c r="A242" s="22">
        <v>8</v>
      </c>
      <c r="B242" s="23" t="s">
        <v>231</v>
      </c>
      <c r="C242" s="24">
        <v>3466</v>
      </c>
      <c r="D242" s="24">
        <v>2926</v>
      </c>
      <c r="E242" s="24">
        <v>2817</v>
      </c>
      <c r="F242" s="24">
        <v>2451</v>
      </c>
      <c r="G242" s="25">
        <v>0.1379377908600497</v>
      </c>
      <c r="H242" s="24">
        <v>3046</v>
      </c>
      <c r="I242" s="24">
        <v>2644</v>
      </c>
      <c r="J242" s="24">
        <v>2567</v>
      </c>
      <c r="K242" s="24">
        <v>2302</v>
      </c>
      <c r="L242" s="25">
        <v>0.10783007404272955</v>
      </c>
      <c r="M242" s="25">
        <v>0.12105552437928363</v>
      </c>
      <c r="N242" s="25">
        <v>0.12105552437928363</v>
      </c>
      <c r="O242" s="25">
        <v>0.10327572094758805</v>
      </c>
      <c r="P242" s="35">
        <v>0</v>
      </c>
      <c r="Q242" s="25">
        <v>0</v>
      </c>
      <c r="R242" s="25">
        <v>0</v>
      </c>
      <c r="S242" s="26">
        <v>375</v>
      </c>
      <c r="T242" s="27">
        <v>3466</v>
      </c>
      <c r="U242" s="27">
        <v>420</v>
      </c>
      <c r="V242" s="27">
        <v>420</v>
      </c>
    </row>
    <row r="243" spans="1:22" x14ac:dyDescent="0.25">
      <c r="A243" s="17">
        <v>8</v>
      </c>
      <c r="B243" s="16" t="s">
        <v>232</v>
      </c>
      <c r="C243" s="1">
        <v>4514</v>
      </c>
      <c r="D243" s="1">
        <v>264</v>
      </c>
      <c r="E243" s="1">
        <v>302</v>
      </c>
      <c r="F243" s="1">
        <v>266</v>
      </c>
      <c r="G243" s="2">
        <v>5.3186862578656511</v>
      </c>
      <c r="H243" s="1">
        <v>3356</v>
      </c>
      <c r="I243" s="1">
        <v>264</v>
      </c>
      <c r="J243" s="1">
        <v>300</v>
      </c>
      <c r="K243" s="1">
        <v>268</v>
      </c>
      <c r="L243" s="2">
        <v>3.8445775543788105</v>
      </c>
      <c r="M243" s="2">
        <v>0.25653534289603414</v>
      </c>
      <c r="N243" s="2">
        <v>0.25653534289603414</v>
      </c>
      <c r="O243" s="2">
        <v>0.22842909162484007</v>
      </c>
      <c r="P243" s="34">
        <v>0</v>
      </c>
      <c r="Q243" s="2">
        <v>0.30310040171317876</v>
      </c>
      <c r="R243" s="2">
        <v>0</v>
      </c>
      <c r="S243" s="19">
        <v>1318</v>
      </c>
      <c r="T243" s="18">
        <v>4514</v>
      </c>
      <c r="U243" s="18">
        <v>1158</v>
      </c>
      <c r="V243" s="18">
        <v>1158</v>
      </c>
    </row>
    <row r="244" spans="1:22" x14ac:dyDescent="0.25">
      <c r="A244" s="22">
        <v>8</v>
      </c>
      <c r="B244" s="23" t="s">
        <v>233</v>
      </c>
      <c r="C244" s="24">
        <v>3680</v>
      </c>
      <c r="D244" s="24">
        <v>4243</v>
      </c>
      <c r="E244" s="24">
        <v>3449</v>
      </c>
      <c r="F244" s="24">
        <v>3302</v>
      </c>
      <c r="G244" s="25">
        <v>3.8129350654541941E-2</v>
      </c>
      <c r="H244" s="24">
        <v>4292</v>
      </c>
      <c r="I244" s="24">
        <v>3683</v>
      </c>
      <c r="J244" s="24">
        <v>2566</v>
      </c>
      <c r="K244" s="24">
        <v>2744</v>
      </c>
      <c r="L244" s="25">
        <v>0.1880647512370083</v>
      </c>
      <c r="M244" s="25">
        <v>-0.16620547618743528</v>
      </c>
      <c r="N244" s="25">
        <v>-0.16620547618743528</v>
      </c>
      <c r="O244" s="25">
        <v>7.3159952336478928E-2</v>
      </c>
      <c r="P244" s="35">
        <v>3.1889121996275478E-2</v>
      </c>
      <c r="Q244" s="25">
        <v>0.45291999663040733</v>
      </c>
      <c r="R244" s="25">
        <v>2.5602110886773534E-2</v>
      </c>
      <c r="S244" s="26">
        <v>2366</v>
      </c>
      <c r="T244" s="27">
        <v>3680</v>
      </c>
      <c r="U244" s="27">
        <v>-612</v>
      </c>
      <c r="V244" s="27">
        <v>-612</v>
      </c>
    </row>
    <row r="245" spans="1:22" x14ac:dyDescent="0.25">
      <c r="A245" s="17">
        <v>8</v>
      </c>
      <c r="B245" s="16" t="s">
        <v>234</v>
      </c>
      <c r="C245" s="1">
        <v>253</v>
      </c>
      <c r="D245" s="1">
        <v>256</v>
      </c>
      <c r="E245" s="1">
        <v>300</v>
      </c>
      <c r="F245" s="1">
        <v>255</v>
      </c>
      <c r="G245" s="2">
        <v>-3.0111754156518472E-3</v>
      </c>
      <c r="H245" s="1">
        <v>302</v>
      </c>
      <c r="I245" s="1">
        <v>294</v>
      </c>
      <c r="J245" s="1">
        <v>279</v>
      </c>
      <c r="K245" s="1">
        <v>251</v>
      </c>
      <c r="L245" s="2">
        <v>6.7847394096628114E-2</v>
      </c>
      <c r="M245" s="2">
        <v>-0.19516744048207052</v>
      </c>
      <c r="N245" s="2">
        <v>-0.19516744048207052</v>
      </c>
      <c r="O245" s="2">
        <v>-8.1472134231273585E-2</v>
      </c>
      <c r="P245" s="34" t="s">
        <v>310</v>
      </c>
      <c r="Q245" s="2">
        <v>0</v>
      </c>
      <c r="R245" s="2">
        <v>0</v>
      </c>
      <c r="S245" s="19">
        <v>112</v>
      </c>
      <c r="T245" s="18">
        <v>253</v>
      </c>
      <c r="U245" s="18">
        <v>-49</v>
      </c>
      <c r="V245" s="18">
        <v>-49</v>
      </c>
    </row>
    <row r="246" spans="1:22" x14ac:dyDescent="0.25">
      <c r="A246" s="22">
        <v>8</v>
      </c>
      <c r="B246" s="23" t="s">
        <v>235</v>
      </c>
      <c r="C246" s="24">
        <v>1910</v>
      </c>
      <c r="D246" s="24">
        <v>1729</v>
      </c>
      <c r="E246" s="24">
        <v>687</v>
      </c>
      <c r="F246" s="29" t="s">
        <v>61</v>
      </c>
      <c r="G246" s="29" t="s">
        <v>61</v>
      </c>
      <c r="H246" s="24">
        <v>1302</v>
      </c>
      <c r="I246" s="24">
        <v>1412</v>
      </c>
      <c r="J246" s="24">
        <v>731</v>
      </c>
      <c r="K246" s="29" t="s">
        <v>61</v>
      </c>
      <c r="L246" s="29" t="s">
        <v>61</v>
      </c>
      <c r="M246" s="25">
        <v>0.31840000000000002</v>
      </c>
      <c r="N246" s="25">
        <v>0.31840000000000002</v>
      </c>
      <c r="O246" s="25">
        <v>0.2039</v>
      </c>
      <c r="P246" s="35">
        <v>0</v>
      </c>
      <c r="Q246" s="25">
        <v>0.20050000000000001</v>
      </c>
      <c r="R246" s="25">
        <v>4.0000000000000002E-4</v>
      </c>
      <c r="S246" s="26">
        <v>6408</v>
      </c>
      <c r="T246" s="27">
        <v>1910</v>
      </c>
      <c r="U246" s="27">
        <v>608</v>
      </c>
      <c r="V246" s="27">
        <v>608</v>
      </c>
    </row>
    <row r="247" spans="1:22" x14ac:dyDescent="0.25">
      <c r="A247" s="17">
        <v>8</v>
      </c>
      <c r="B247" s="16" t="s">
        <v>236</v>
      </c>
      <c r="C247" s="1">
        <v>7259</v>
      </c>
      <c r="D247" s="1">
        <v>5667</v>
      </c>
      <c r="E247" s="1">
        <v>5503</v>
      </c>
      <c r="F247" s="1">
        <v>4521</v>
      </c>
      <c r="G247" s="2">
        <v>0.20183196620757662</v>
      </c>
      <c r="H247" s="1">
        <v>5251</v>
      </c>
      <c r="I247" s="1">
        <v>4216</v>
      </c>
      <c r="J247" s="1">
        <v>4382</v>
      </c>
      <c r="K247" s="1">
        <v>4303</v>
      </c>
      <c r="L247" s="2">
        <v>7.3426978068020787E-2</v>
      </c>
      <c r="M247" s="2">
        <v>0.27789999999999998</v>
      </c>
      <c r="N247" s="2">
        <v>0.28399999999999997</v>
      </c>
      <c r="O247" s="2">
        <v>0.25729999999999997</v>
      </c>
      <c r="P247" s="34">
        <v>1.2611650439696807E-2</v>
      </c>
      <c r="Q247" s="2">
        <v>0.15426463841516058</v>
      </c>
      <c r="R247" s="2">
        <v>1.1549564830903448E-2</v>
      </c>
      <c r="S247" s="19">
        <v>3788</v>
      </c>
      <c r="T247" s="18">
        <v>7272</v>
      </c>
      <c r="U247" s="18">
        <v>2021</v>
      </c>
      <c r="V247" s="18">
        <v>2082</v>
      </c>
    </row>
    <row r="248" spans="1:22" x14ac:dyDescent="0.25">
      <c r="A248" s="22">
        <v>8</v>
      </c>
      <c r="B248" s="23" t="s">
        <v>237</v>
      </c>
      <c r="C248" s="24">
        <v>13928</v>
      </c>
      <c r="D248" s="24">
        <v>16963</v>
      </c>
      <c r="E248" s="24">
        <v>15656</v>
      </c>
      <c r="F248" s="24">
        <v>16108</v>
      </c>
      <c r="G248" s="25">
        <v>-4.5105946566079719E-2</v>
      </c>
      <c r="H248" s="24">
        <v>9801</v>
      </c>
      <c r="I248" s="24">
        <v>10701</v>
      </c>
      <c r="J248" s="24">
        <v>10238</v>
      </c>
      <c r="K248" s="24">
        <v>9585</v>
      </c>
      <c r="L248" s="25">
        <v>7.5134360025607486E-3</v>
      </c>
      <c r="M248" s="25">
        <v>0.32761676822204866</v>
      </c>
      <c r="N248" s="25">
        <v>0.32761676822204866</v>
      </c>
      <c r="O248" s="25">
        <v>0.34868785490295789</v>
      </c>
      <c r="P248" s="35">
        <v>1.5765375009225513E-3</v>
      </c>
      <c r="Q248" s="25">
        <v>9.3693792914105595E-2</v>
      </c>
      <c r="R248" s="25">
        <v>0</v>
      </c>
      <c r="S248" s="26">
        <v>4529</v>
      </c>
      <c r="T248" s="27">
        <v>14576</v>
      </c>
      <c r="U248" s="27">
        <v>4775</v>
      </c>
      <c r="V248" s="27">
        <v>4775</v>
      </c>
    </row>
    <row r="249" spans="1:22" x14ac:dyDescent="0.25">
      <c r="A249" s="17">
        <v>8</v>
      </c>
      <c r="B249" s="16" t="s">
        <v>238</v>
      </c>
      <c r="C249" s="1">
        <v>1428</v>
      </c>
      <c r="D249" s="1">
        <v>2276</v>
      </c>
      <c r="E249" s="1">
        <v>1084</v>
      </c>
      <c r="F249" s="1">
        <v>1125</v>
      </c>
      <c r="G249" s="2">
        <v>8.9476845541573882E-2</v>
      </c>
      <c r="H249" s="1">
        <v>766</v>
      </c>
      <c r="I249" s="1">
        <v>1348</v>
      </c>
      <c r="J249" s="1">
        <v>815</v>
      </c>
      <c r="K249" s="1">
        <v>850</v>
      </c>
      <c r="L249" s="2">
        <v>-3.3228550853998763E-2</v>
      </c>
      <c r="M249" s="2">
        <v>0.46371778122581075</v>
      </c>
      <c r="N249" s="2">
        <v>0.46371778122581075</v>
      </c>
      <c r="O249" s="2">
        <v>0.45659771263507248</v>
      </c>
      <c r="P249" s="34">
        <v>1.9999175709649805E-2</v>
      </c>
      <c r="Q249" s="2">
        <v>0</v>
      </c>
      <c r="R249" s="2">
        <v>0</v>
      </c>
      <c r="S249" s="19">
        <v>3807</v>
      </c>
      <c r="T249" s="18">
        <v>1428</v>
      </c>
      <c r="U249" s="18">
        <v>662</v>
      </c>
      <c r="V249" s="18">
        <v>662</v>
      </c>
    </row>
    <row r="250" spans="1:22" x14ac:dyDescent="0.25">
      <c r="A250" s="22">
        <v>8</v>
      </c>
      <c r="B250" s="23" t="s">
        <v>239</v>
      </c>
      <c r="C250" s="24">
        <v>308</v>
      </c>
      <c r="D250" s="24">
        <v>333</v>
      </c>
      <c r="E250" s="24">
        <v>296</v>
      </c>
      <c r="F250" s="24">
        <v>316</v>
      </c>
      <c r="G250" s="25">
        <v>-8.2247399926005799E-3</v>
      </c>
      <c r="H250" s="24">
        <v>301</v>
      </c>
      <c r="I250" s="24">
        <v>305</v>
      </c>
      <c r="J250" s="24">
        <v>314</v>
      </c>
      <c r="K250" s="24">
        <v>316</v>
      </c>
      <c r="L250" s="25">
        <v>-1.5104234317859492E-2</v>
      </c>
      <c r="M250" s="25">
        <v>2.2986791510773642E-2</v>
      </c>
      <c r="N250" s="25">
        <v>6.2987204800920391E-2</v>
      </c>
      <c r="O250" s="25">
        <v>3.2170953077498211E-2</v>
      </c>
      <c r="P250" s="35">
        <v>0</v>
      </c>
      <c r="Q250" s="25">
        <v>0.70011152970775326</v>
      </c>
      <c r="R250" s="25">
        <v>0</v>
      </c>
      <c r="S250" s="26">
        <v>390</v>
      </c>
      <c r="T250" s="27">
        <v>308</v>
      </c>
      <c r="U250" s="27">
        <v>7</v>
      </c>
      <c r="V250" s="27">
        <v>20</v>
      </c>
    </row>
    <row r="251" spans="1:22" x14ac:dyDescent="0.25">
      <c r="A251" s="17">
        <v>8</v>
      </c>
      <c r="B251" s="16" t="s">
        <v>240</v>
      </c>
      <c r="C251" s="1">
        <v>3472</v>
      </c>
      <c r="D251" s="1">
        <v>4233</v>
      </c>
      <c r="E251" s="1">
        <v>4224</v>
      </c>
      <c r="F251" s="1">
        <v>3888</v>
      </c>
      <c r="G251" s="2">
        <v>-3.56593202311885E-2</v>
      </c>
      <c r="H251" s="1">
        <v>3462</v>
      </c>
      <c r="I251" s="1">
        <v>3955</v>
      </c>
      <c r="J251" s="1">
        <v>4006</v>
      </c>
      <c r="K251" s="1">
        <v>3705</v>
      </c>
      <c r="L251" s="2">
        <v>-2.1831157864659778E-2</v>
      </c>
      <c r="M251" s="2">
        <v>9.1713666626443452E-2</v>
      </c>
      <c r="N251" s="2">
        <v>9.1713666626443452E-2</v>
      </c>
      <c r="O251" s="2">
        <v>6.8408867264623072E-2</v>
      </c>
      <c r="P251" s="34">
        <v>2.136867905237825E-3</v>
      </c>
      <c r="Q251" s="2">
        <v>0.65145531472749452</v>
      </c>
      <c r="R251" s="2">
        <v>3.1494212641932258E-2</v>
      </c>
      <c r="S251" s="19">
        <v>2509</v>
      </c>
      <c r="T251" s="18">
        <v>3812</v>
      </c>
      <c r="U251" s="18">
        <v>350</v>
      </c>
      <c r="V251" s="18">
        <v>350</v>
      </c>
    </row>
    <row r="252" spans="1:22" x14ac:dyDescent="0.25">
      <c r="A252" s="22">
        <v>8</v>
      </c>
      <c r="B252" s="23" t="s">
        <v>241</v>
      </c>
      <c r="C252" s="24">
        <v>1819</v>
      </c>
      <c r="D252" s="24">
        <v>2594</v>
      </c>
      <c r="E252" s="24">
        <v>2901</v>
      </c>
      <c r="F252" s="24">
        <v>154</v>
      </c>
      <c r="G252" s="25">
        <v>3.6042033267318163</v>
      </c>
      <c r="H252" s="24">
        <v>1750</v>
      </c>
      <c r="I252" s="24">
        <v>2613</v>
      </c>
      <c r="J252" s="24">
        <v>2677</v>
      </c>
      <c r="K252" s="24">
        <v>0</v>
      </c>
      <c r="L252" s="30" t="s">
        <v>61</v>
      </c>
      <c r="M252" s="25">
        <v>3.7903453219297924E-2</v>
      </c>
      <c r="N252" s="25">
        <v>3.7903453219297924E-2</v>
      </c>
      <c r="O252" s="25">
        <v>4.6488333087744541E-2</v>
      </c>
      <c r="P252" s="35">
        <v>4.854402888572416E-3</v>
      </c>
      <c r="Q252" s="25">
        <v>0.14169008324218335</v>
      </c>
      <c r="R252" s="25">
        <v>1.4097723405597173E-3</v>
      </c>
      <c r="S252" s="26">
        <v>723</v>
      </c>
      <c r="T252" s="27">
        <v>1819</v>
      </c>
      <c r="U252" s="27">
        <v>69</v>
      </c>
      <c r="V252" s="27">
        <v>69</v>
      </c>
    </row>
    <row r="253" spans="1:22" x14ac:dyDescent="0.25">
      <c r="A253" s="17">
        <v>8</v>
      </c>
      <c r="B253" s="16" t="s">
        <v>242</v>
      </c>
      <c r="C253" s="1">
        <v>7015</v>
      </c>
      <c r="D253" s="1">
        <v>5114</v>
      </c>
      <c r="E253" s="1">
        <v>4994</v>
      </c>
      <c r="F253" s="1">
        <v>4989</v>
      </c>
      <c r="G253" s="2">
        <v>0.13535499904799125</v>
      </c>
      <c r="H253" s="1">
        <v>6956</v>
      </c>
      <c r="I253" s="1">
        <v>4543</v>
      </c>
      <c r="J253" s="1">
        <v>4540</v>
      </c>
      <c r="K253" s="1">
        <v>4193</v>
      </c>
      <c r="L253" s="2">
        <v>0.2197171921275162</v>
      </c>
      <c r="M253" s="2">
        <v>8.3999999999999995E-3</v>
      </c>
      <c r="N253" s="2">
        <v>8.3999999999999995E-3</v>
      </c>
      <c r="O253" s="2">
        <v>6.3299999999999995E-2</v>
      </c>
      <c r="P253" s="34" t="s">
        <v>310</v>
      </c>
      <c r="Q253" s="2">
        <v>0.54009990177451583</v>
      </c>
      <c r="R253" s="2">
        <v>7.0352167795525639E-2</v>
      </c>
      <c r="S253" s="19">
        <v>3242</v>
      </c>
      <c r="T253" s="18">
        <v>7015</v>
      </c>
      <c r="U253" s="18">
        <v>59</v>
      </c>
      <c r="V253" s="18">
        <v>59</v>
      </c>
    </row>
    <row r="254" spans="1:22" x14ac:dyDescent="0.25">
      <c r="A254" s="22">
        <v>8</v>
      </c>
      <c r="B254" s="23" t="s">
        <v>243</v>
      </c>
      <c r="C254" s="24">
        <v>2768</v>
      </c>
      <c r="D254" s="24">
        <v>4304</v>
      </c>
      <c r="E254" s="24">
        <v>3931</v>
      </c>
      <c r="F254" s="24">
        <v>3802</v>
      </c>
      <c r="G254" s="25">
        <v>-9.0619429765840823E-2</v>
      </c>
      <c r="H254" s="24">
        <v>2580</v>
      </c>
      <c r="I254" s="24">
        <v>3176</v>
      </c>
      <c r="J254" s="24">
        <v>3069</v>
      </c>
      <c r="K254" s="24">
        <v>2944</v>
      </c>
      <c r="L254" s="25">
        <v>-4.1261850410366646E-2</v>
      </c>
      <c r="M254" s="25">
        <v>6.8088709523019958E-2</v>
      </c>
      <c r="N254" s="25">
        <v>0.19566000245063728</v>
      </c>
      <c r="O254" s="25">
        <v>0.22796927055985328</v>
      </c>
      <c r="P254" s="35">
        <v>3.0294493389415836E-3</v>
      </c>
      <c r="Q254" s="25">
        <v>0.27484628491935942</v>
      </c>
      <c r="R254" s="25">
        <v>-5.6461235189762848E-4</v>
      </c>
      <c r="S254" s="26">
        <v>4846</v>
      </c>
      <c r="T254" s="27">
        <v>2768</v>
      </c>
      <c r="U254" s="27">
        <v>188</v>
      </c>
      <c r="V254" s="27">
        <v>628</v>
      </c>
    </row>
    <row r="255" spans="1:22" x14ac:dyDescent="0.25">
      <c r="A255" s="17">
        <v>8</v>
      </c>
      <c r="B255" s="16" t="s">
        <v>244</v>
      </c>
      <c r="C255" s="1">
        <v>2467</v>
      </c>
      <c r="D255" s="1">
        <v>2098</v>
      </c>
      <c r="E255" s="1">
        <v>2802</v>
      </c>
      <c r="F255" s="1">
        <v>2980</v>
      </c>
      <c r="G255" s="2">
        <v>-5.7351810246420359E-2</v>
      </c>
      <c r="H255" s="1">
        <v>1754</v>
      </c>
      <c r="I255" s="1">
        <v>1497</v>
      </c>
      <c r="J255" s="1">
        <v>1757</v>
      </c>
      <c r="K255" s="1">
        <v>1101</v>
      </c>
      <c r="L255" s="2">
        <v>0.1975802815247634</v>
      </c>
      <c r="M255" s="2">
        <v>0.29440351227877826</v>
      </c>
      <c r="N255" s="2">
        <v>0.29440351227877826</v>
      </c>
      <c r="O255" s="2">
        <v>0.32197523570457809</v>
      </c>
      <c r="P255" s="34">
        <v>0</v>
      </c>
      <c r="Q255" s="2">
        <v>0.34470888501678609</v>
      </c>
      <c r="R255" s="2">
        <v>5.1733914391941381E-2</v>
      </c>
      <c r="S255" s="19">
        <v>12440</v>
      </c>
      <c r="T255" s="18">
        <v>2486</v>
      </c>
      <c r="U255" s="18">
        <v>732</v>
      </c>
      <c r="V255" s="18">
        <v>732</v>
      </c>
    </row>
    <row r="256" spans="1:22" x14ac:dyDescent="0.25">
      <c r="A256" s="22">
        <v>8</v>
      </c>
      <c r="B256" s="23" t="s">
        <v>245</v>
      </c>
      <c r="C256" s="24">
        <v>3426</v>
      </c>
      <c r="D256" s="24">
        <v>3636</v>
      </c>
      <c r="E256" s="24">
        <v>4015</v>
      </c>
      <c r="F256" s="24">
        <v>4294</v>
      </c>
      <c r="G256" s="25">
        <v>-6.7352941062304633E-2</v>
      </c>
      <c r="H256" s="24">
        <v>3768</v>
      </c>
      <c r="I256" s="24">
        <v>3218</v>
      </c>
      <c r="J256" s="24">
        <v>3452</v>
      </c>
      <c r="K256" s="24">
        <v>3573</v>
      </c>
      <c r="L256" s="25">
        <v>1.822598531364418E-2</v>
      </c>
      <c r="M256" s="25">
        <v>-9.9909460581203521E-2</v>
      </c>
      <c r="N256" s="25">
        <v>-9.9909460581203521E-2</v>
      </c>
      <c r="O256" s="25">
        <v>5.7675102558119279E-2</v>
      </c>
      <c r="P256" s="35">
        <v>0</v>
      </c>
      <c r="Q256" s="25">
        <v>0.37779980456094509</v>
      </c>
      <c r="R256" s="25">
        <v>0.14459950754962156</v>
      </c>
      <c r="S256" s="26">
        <v>2496</v>
      </c>
      <c r="T256" s="27">
        <v>3426</v>
      </c>
      <c r="U256" s="27">
        <v>-342</v>
      </c>
      <c r="V256" s="27">
        <v>-342</v>
      </c>
    </row>
    <row r="257" spans="1:22" x14ac:dyDescent="0.25">
      <c r="A257" s="17">
        <v>8</v>
      </c>
      <c r="B257" s="16" t="s">
        <v>246</v>
      </c>
      <c r="C257" s="1">
        <v>4467</v>
      </c>
      <c r="D257" s="1">
        <v>5777</v>
      </c>
      <c r="E257" s="1">
        <v>5388</v>
      </c>
      <c r="F257" s="1">
        <v>5526</v>
      </c>
      <c r="G257" s="2">
        <v>-6.3869695437090465E-2</v>
      </c>
      <c r="H257" s="1">
        <v>3311</v>
      </c>
      <c r="I257" s="1">
        <v>4036</v>
      </c>
      <c r="J257" s="1">
        <v>3793</v>
      </c>
      <c r="K257" s="1">
        <v>3893</v>
      </c>
      <c r="L257" s="2">
        <v>-4.9813852605922249E-2</v>
      </c>
      <c r="M257" s="2">
        <v>0.25876346604844519</v>
      </c>
      <c r="N257" s="2">
        <v>0.28008923041269174</v>
      </c>
      <c r="O257" s="2">
        <v>0.29500736975288372</v>
      </c>
      <c r="P257" s="34">
        <v>5.0478229565275911E-3</v>
      </c>
      <c r="Q257" s="2">
        <v>0.60829526715417936</v>
      </c>
      <c r="R257" s="2">
        <v>3.8265771508016115E-3</v>
      </c>
      <c r="S257" s="19">
        <v>10413</v>
      </c>
      <c r="T257" s="18">
        <v>4467</v>
      </c>
      <c r="U257" s="18">
        <v>1156</v>
      </c>
      <c r="V257" s="18">
        <v>1288</v>
      </c>
    </row>
    <row r="258" spans="1:22" x14ac:dyDescent="0.25">
      <c r="A258" s="22">
        <v>8</v>
      </c>
      <c r="B258" s="23" t="s">
        <v>247</v>
      </c>
      <c r="C258" s="24">
        <v>5076</v>
      </c>
      <c r="D258" s="24">
        <v>7909</v>
      </c>
      <c r="E258" s="24">
        <v>7593</v>
      </c>
      <c r="F258" s="29" t="s">
        <v>310</v>
      </c>
      <c r="G258" s="29" t="s">
        <v>310</v>
      </c>
      <c r="H258" s="24">
        <v>6506</v>
      </c>
      <c r="I258" s="24">
        <v>7482</v>
      </c>
      <c r="J258" s="24">
        <v>7232</v>
      </c>
      <c r="K258" s="29" t="s">
        <v>310</v>
      </c>
      <c r="L258" s="29" t="s">
        <v>310</v>
      </c>
      <c r="M258" s="25">
        <v>-2.0209629312414414E-2</v>
      </c>
      <c r="N258" s="25">
        <v>4.0390207521625639E-3</v>
      </c>
      <c r="O258" s="25">
        <v>5.1608942618235412E-2</v>
      </c>
      <c r="P258" s="35">
        <v>0</v>
      </c>
      <c r="Q258" s="25">
        <v>0.23</v>
      </c>
      <c r="R258" s="25">
        <v>0.01</v>
      </c>
      <c r="S258" s="26">
        <v>3957</v>
      </c>
      <c r="T258" s="27">
        <v>6377</v>
      </c>
      <c r="U258" s="27">
        <v>-129</v>
      </c>
      <c r="V258" s="27">
        <v>26</v>
      </c>
    </row>
    <row r="259" spans="1:22" x14ac:dyDescent="0.25">
      <c r="A259" s="17">
        <v>8</v>
      </c>
      <c r="B259" s="16" t="s">
        <v>248</v>
      </c>
      <c r="C259" s="1">
        <v>2004</v>
      </c>
      <c r="D259" s="1">
        <v>2219</v>
      </c>
      <c r="E259" s="1">
        <v>2299</v>
      </c>
      <c r="F259" s="1">
        <v>2203</v>
      </c>
      <c r="G259" s="2">
        <v>-3.0161894801063321E-2</v>
      </c>
      <c r="H259" s="1">
        <v>2183</v>
      </c>
      <c r="I259" s="1">
        <v>2136</v>
      </c>
      <c r="J259" s="1">
        <v>2265</v>
      </c>
      <c r="K259" s="1">
        <v>2143</v>
      </c>
      <c r="L259" s="2">
        <v>6.2103009992661743E-3</v>
      </c>
      <c r="M259" s="2">
        <v>4.5686135736027693E-2</v>
      </c>
      <c r="N259" s="2">
        <v>4.5686135736027693E-2</v>
      </c>
      <c r="O259" s="2">
        <v>3.2591608709099419E-2</v>
      </c>
      <c r="P259" s="34">
        <v>0</v>
      </c>
      <c r="Q259" s="2">
        <v>0.12000019964263968</v>
      </c>
      <c r="R259" s="2">
        <v>0</v>
      </c>
      <c r="S259" s="19">
        <v>3047</v>
      </c>
      <c r="T259" s="18">
        <v>2288</v>
      </c>
      <c r="U259" s="18">
        <v>105</v>
      </c>
      <c r="V259" s="18">
        <v>105</v>
      </c>
    </row>
    <row r="260" spans="1:22" x14ac:dyDescent="0.25">
      <c r="A260" s="22">
        <v>8</v>
      </c>
      <c r="B260" s="23" t="s">
        <v>249</v>
      </c>
      <c r="C260" s="24">
        <v>1360</v>
      </c>
      <c r="D260" s="24">
        <v>1578</v>
      </c>
      <c r="E260" s="24">
        <v>1630</v>
      </c>
      <c r="F260" s="24">
        <v>1525</v>
      </c>
      <c r="G260" s="25">
        <v>-3.6174038540127358E-2</v>
      </c>
      <c r="H260" s="24">
        <v>895</v>
      </c>
      <c r="I260" s="24">
        <v>1038</v>
      </c>
      <c r="J260" s="24">
        <v>1110</v>
      </c>
      <c r="K260" s="24">
        <v>1105</v>
      </c>
      <c r="L260" s="25">
        <v>-6.3428150646267861E-2</v>
      </c>
      <c r="M260" s="25">
        <v>0.3417</v>
      </c>
      <c r="N260" s="25">
        <v>0.3417</v>
      </c>
      <c r="O260" s="25">
        <v>0.33379999999999999</v>
      </c>
      <c r="P260" s="35">
        <v>0</v>
      </c>
      <c r="Q260" s="25">
        <v>0.81409771105491213</v>
      </c>
      <c r="R260" s="25">
        <v>2.5420418485526973E-2</v>
      </c>
      <c r="S260" s="26">
        <v>656</v>
      </c>
      <c r="T260" s="27">
        <v>1360</v>
      </c>
      <c r="U260" s="27">
        <v>465</v>
      </c>
      <c r="V260" s="27">
        <v>465</v>
      </c>
    </row>
    <row r="261" spans="1:22" x14ac:dyDescent="0.25">
      <c r="A261" s="17">
        <v>8</v>
      </c>
      <c r="B261" s="16" t="s">
        <v>250</v>
      </c>
      <c r="C261" s="1">
        <v>4932</v>
      </c>
      <c r="D261" s="1">
        <v>5072</v>
      </c>
      <c r="E261" s="1">
        <v>5290</v>
      </c>
      <c r="F261" s="1">
        <v>4741</v>
      </c>
      <c r="G261" s="2">
        <v>1.3444768744872966E-2</v>
      </c>
      <c r="H261" s="1">
        <v>4229</v>
      </c>
      <c r="I261" s="1">
        <v>4271</v>
      </c>
      <c r="J261" s="1">
        <v>4067</v>
      </c>
      <c r="K261" s="1">
        <v>3804</v>
      </c>
      <c r="L261" s="2">
        <v>3.722885887214545E-2</v>
      </c>
      <c r="M261" s="2">
        <v>0.14259897567325355</v>
      </c>
      <c r="N261" s="2">
        <v>0.18781877686483744</v>
      </c>
      <c r="O261" s="2">
        <v>0.19280887579821604</v>
      </c>
      <c r="P261" s="34">
        <v>5.241089265218702E-3</v>
      </c>
      <c r="Q261" s="2">
        <v>0.75247545630390789</v>
      </c>
      <c r="R261" s="2">
        <v>8.5449775142842077E-3</v>
      </c>
      <c r="S261" s="19">
        <v>3903</v>
      </c>
      <c r="T261" s="18">
        <v>4932</v>
      </c>
      <c r="U261" s="18">
        <v>703</v>
      </c>
      <c r="V261" s="18">
        <v>978</v>
      </c>
    </row>
    <row r="262" spans="1:22" x14ac:dyDescent="0.25">
      <c r="A262" s="22">
        <v>8</v>
      </c>
      <c r="B262" s="23" t="s">
        <v>251</v>
      </c>
      <c r="C262" s="24">
        <v>4054</v>
      </c>
      <c r="D262" s="24">
        <v>5686</v>
      </c>
      <c r="E262" s="24">
        <v>5327</v>
      </c>
      <c r="F262" s="24">
        <v>6085</v>
      </c>
      <c r="G262" s="25">
        <v>-0.11125174068126398</v>
      </c>
      <c r="H262" s="24">
        <v>3063</v>
      </c>
      <c r="I262" s="24">
        <v>3456</v>
      </c>
      <c r="J262" s="24">
        <v>3350</v>
      </c>
      <c r="K262" s="24">
        <v>3024</v>
      </c>
      <c r="L262" s="25">
        <v>4.3045048584703588E-3</v>
      </c>
      <c r="M262" s="25">
        <v>0.24448572263767654</v>
      </c>
      <c r="N262" s="25">
        <v>0.39525313100202925</v>
      </c>
      <c r="O262" s="25">
        <v>0.38653627712483341</v>
      </c>
      <c r="P262" s="35">
        <v>6.6812235882643643E-3</v>
      </c>
      <c r="Q262" s="25">
        <v>0.22205365589527837</v>
      </c>
      <c r="R262" s="25">
        <v>-5.5651556134436991E-4</v>
      </c>
      <c r="S262" s="26">
        <v>6555</v>
      </c>
      <c r="T262" s="27">
        <v>4054</v>
      </c>
      <c r="U262" s="27">
        <v>991</v>
      </c>
      <c r="V262" s="27">
        <v>2002</v>
      </c>
    </row>
    <row r="263" spans="1:22" x14ac:dyDescent="0.25">
      <c r="A263" s="17">
        <v>8</v>
      </c>
      <c r="B263" s="16" t="s">
        <v>252</v>
      </c>
      <c r="C263" s="1">
        <v>2996</v>
      </c>
      <c r="D263" s="1">
        <v>4340</v>
      </c>
      <c r="E263" s="1">
        <v>3827</v>
      </c>
      <c r="F263" s="1">
        <v>3731</v>
      </c>
      <c r="G263" s="2">
        <v>-6.5659455851346069E-2</v>
      </c>
      <c r="H263" s="1">
        <v>3467</v>
      </c>
      <c r="I263" s="1">
        <v>4203</v>
      </c>
      <c r="J263" s="1">
        <v>3783</v>
      </c>
      <c r="K263" s="1">
        <v>3773</v>
      </c>
      <c r="L263" s="2">
        <v>-2.7055950650081706E-2</v>
      </c>
      <c r="M263" s="2">
        <v>-3.1982966548365577E-2</v>
      </c>
      <c r="N263" s="2">
        <v>-3.1982966548365577E-2</v>
      </c>
      <c r="O263" s="2">
        <v>1.4401817462977144E-2</v>
      </c>
      <c r="P263" s="34">
        <v>1.3307110732544458E-4</v>
      </c>
      <c r="Q263" s="2">
        <v>0.62695816298175699</v>
      </c>
      <c r="R263" s="2">
        <v>2.8214445734333061E-2</v>
      </c>
      <c r="S263" s="19">
        <v>2280</v>
      </c>
      <c r="T263" s="18">
        <v>3360</v>
      </c>
      <c r="U263" s="18">
        <v>-107</v>
      </c>
      <c r="V263" s="18">
        <v>-107</v>
      </c>
    </row>
    <row r="264" spans="1:22" x14ac:dyDescent="0.25">
      <c r="A264" s="8">
        <v>9</v>
      </c>
      <c r="B264" s="9" t="s">
        <v>309</v>
      </c>
      <c r="C264" s="20">
        <v>3636</v>
      </c>
      <c r="D264" s="20">
        <v>4137</v>
      </c>
      <c r="E264" s="20">
        <v>3651</v>
      </c>
      <c r="F264" s="20">
        <v>3819</v>
      </c>
      <c r="G264" s="10">
        <v>-1.6E-2</v>
      </c>
      <c r="H264" s="20">
        <v>3375</v>
      </c>
      <c r="I264" s="20">
        <v>3649</v>
      </c>
      <c r="J264" s="20">
        <v>3177</v>
      </c>
      <c r="K264" s="20">
        <v>3342</v>
      </c>
      <c r="L264" s="10">
        <v>3.2000000000000002E-3</v>
      </c>
      <c r="M264" s="10">
        <v>0.1154</v>
      </c>
      <c r="N264" s="10">
        <v>0.1203</v>
      </c>
      <c r="O264" s="10">
        <v>0.1381</v>
      </c>
      <c r="P264" s="33">
        <v>3.5999999999999999E-3</v>
      </c>
      <c r="Q264" s="10">
        <v>0.31740000000000002</v>
      </c>
      <c r="R264" s="10">
        <v>8.6099999999999996E-2</v>
      </c>
      <c r="S264" s="21">
        <v>1956</v>
      </c>
      <c r="T264" s="20">
        <v>3375</v>
      </c>
      <c r="U264" s="20">
        <v>440</v>
      </c>
      <c r="V264" s="20">
        <v>462</v>
      </c>
    </row>
    <row r="265" spans="1:22" x14ac:dyDescent="0.25">
      <c r="A265" s="17">
        <v>9</v>
      </c>
      <c r="B265" s="16" t="s">
        <v>253</v>
      </c>
      <c r="C265" s="1">
        <v>3951</v>
      </c>
      <c r="D265" s="1">
        <v>3786</v>
      </c>
      <c r="E265" s="1">
        <v>2362</v>
      </c>
      <c r="F265" s="28" t="s">
        <v>61</v>
      </c>
      <c r="G265" s="28" t="s">
        <v>61</v>
      </c>
      <c r="H265" s="1">
        <v>316</v>
      </c>
      <c r="I265" s="1">
        <v>450</v>
      </c>
      <c r="J265" s="1">
        <v>291</v>
      </c>
      <c r="K265" s="28" t="s">
        <v>61</v>
      </c>
      <c r="L265" s="28" t="s">
        <v>61</v>
      </c>
      <c r="M265" s="2">
        <v>0.9199103058197946</v>
      </c>
      <c r="N265" s="2">
        <v>0.9199103058197946</v>
      </c>
      <c r="O265" s="2">
        <v>0.89527098954154671</v>
      </c>
      <c r="P265" s="34">
        <v>-2.7222539249771918E-4</v>
      </c>
      <c r="Q265" s="2">
        <v>0.82453700668656327</v>
      </c>
      <c r="R265" s="2">
        <v>7.6921421934367545E-2</v>
      </c>
      <c r="S265" s="19">
        <v>1713</v>
      </c>
      <c r="T265" s="18">
        <v>3951</v>
      </c>
      <c r="U265" s="18">
        <v>3634</v>
      </c>
      <c r="V265" s="18">
        <v>3634</v>
      </c>
    </row>
    <row r="266" spans="1:22" x14ac:dyDescent="0.25">
      <c r="A266" s="22">
        <v>9</v>
      </c>
      <c r="B266" s="23" t="s">
        <v>254</v>
      </c>
      <c r="C266" s="24">
        <v>6817</v>
      </c>
      <c r="D266" s="24">
        <v>6685</v>
      </c>
      <c r="E266" s="24">
        <v>4269</v>
      </c>
      <c r="F266" s="29" t="s">
        <v>61</v>
      </c>
      <c r="G266" s="29" t="s">
        <v>61</v>
      </c>
      <c r="H266" s="24">
        <v>834</v>
      </c>
      <c r="I266" s="24">
        <v>794</v>
      </c>
      <c r="J266" s="24">
        <v>517</v>
      </c>
      <c r="K266" s="29" t="s">
        <v>61</v>
      </c>
      <c r="L266" s="29" t="s">
        <v>61</v>
      </c>
      <c r="M266" s="25">
        <v>0.87759348212004196</v>
      </c>
      <c r="N266" s="25">
        <v>0.87759348212004196</v>
      </c>
      <c r="O266" s="25">
        <v>0.87927490666175834</v>
      </c>
      <c r="P266" s="36" t="s">
        <v>310</v>
      </c>
      <c r="Q266" s="25">
        <v>0.88124293513481955</v>
      </c>
      <c r="R266" s="25">
        <v>3.4851330152939938E-2</v>
      </c>
      <c r="S266" s="26">
        <v>2593</v>
      </c>
      <c r="T266" s="27">
        <v>6817</v>
      </c>
      <c r="U266" s="27">
        <v>5983</v>
      </c>
      <c r="V266" s="27">
        <v>5983</v>
      </c>
    </row>
    <row r="267" spans="1:22" x14ac:dyDescent="0.25">
      <c r="A267" s="17">
        <v>9</v>
      </c>
      <c r="B267" s="16" t="s">
        <v>255</v>
      </c>
      <c r="C267" s="1">
        <v>624</v>
      </c>
      <c r="D267" s="1">
        <v>918</v>
      </c>
      <c r="E267" s="1">
        <v>4184</v>
      </c>
      <c r="F267" s="1">
        <v>3248</v>
      </c>
      <c r="G267" s="2">
        <v>-0.26926804446315089</v>
      </c>
      <c r="H267" s="1">
        <v>3888</v>
      </c>
      <c r="I267" s="1">
        <v>4142</v>
      </c>
      <c r="J267" s="1">
        <v>4272</v>
      </c>
      <c r="K267" s="1">
        <v>4073</v>
      </c>
      <c r="L267" s="2">
        <v>-1.5138730230511493E-2</v>
      </c>
      <c r="M267" s="2">
        <v>-5.2289169558266133</v>
      </c>
      <c r="N267" s="2">
        <v>-5.2289169558266133</v>
      </c>
      <c r="O267" s="2">
        <v>-1.1482037167227377</v>
      </c>
      <c r="P267" s="34">
        <v>-3.4746722166631417E-3</v>
      </c>
      <c r="Q267" s="2">
        <v>0.37800394411594612</v>
      </c>
      <c r="R267" s="2">
        <v>8.7406543515838139E-2</v>
      </c>
      <c r="S267" s="19">
        <v>103</v>
      </c>
      <c r="T267" s="18">
        <v>624</v>
      </c>
      <c r="U267" s="18">
        <v>-3264</v>
      </c>
      <c r="V267" s="18">
        <v>-3264</v>
      </c>
    </row>
    <row r="268" spans="1:22" x14ac:dyDescent="0.25">
      <c r="A268" s="22">
        <v>9</v>
      </c>
      <c r="B268" s="23" t="s">
        <v>256</v>
      </c>
      <c r="C268" s="24">
        <v>1700</v>
      </c>
      <c r="D268" s="24">
        <v>1872</v>
      </c>
      <c r="E268" s="24">
        <v>2596</v>
      </c>
      <c r="F268" s="24">
        <v>5222</v>
      </c>
      <c r="G268" s="25">
        <v>-0.22483226467187448</v>
      </c>
      <c r="H268" s="24">
        <v>6184</v>
      </c>
      <c r="I268" s="24">
        <v>6160</v>
      </c>
      <c r="J268" s="24">
        <v>5749</v>
      </c>
      <c r="K268" s="24">
        <v>5640</v>
      </c>
      <c r="L268" s="25">
        <v>3.2150540837184806E-2</v>
      </c>
      <c r="M268" s="25">
        <v>-2.6381034012132734</v>
      </c>
      <c r="N268" s="25">
        <v>-2.6381034012132734</v>
      </c>
      <c r="O268" s="25">
        <v>-1.9328592393857278</v>
      </c>
      <c r="P268" s="35" t="s">
        <v>310</v>
      </c>
      <c r="Q268" s="25">
        <v>0.83199420659535117</v>
      </c>
      <c r="R268" s="25">
        <v>3.1443691965945511E-3</v>
      </c>
      <c r="S268" s="26">
        <v>189</v>
      </c>
      <c r="T268" s="27">
        <v>1700</v>
      </c>
      <c r="U268" s="27">
        <v>-4484</v>
      </c>
      <c r="V268" s="27">
        <v>-4484</v>
      </c>
    </row>
    <row r="269" spans="1:22" x14ac:dyDescent="0.25">
      <c r="A269" s="17">
        <v>9</v>
      </c>
      <c r="B269" s="16" t="s">
        <v>257</v>
      </c>
      <c r="C269" s="1">
        <v>116</v>
      </c>
      <c r="D269" s="1">
        <v>182</v>
      </c>
      <c r="E269" s="1">
        <v>210</v>
      </c>
      <c r="F269" s="1">
        <v>219</v>
      </c>
      <c r="G269" s="2">
        <v>-0.15713323081182132</v>
      </c>
      <c r="H269" s="1">
        <v>109</v>
      </c>
      <c r="I269" s="1">
        <v>156</v>
      </c>
      <c r="J269" s="1">
        <v>166</v>
      </c>
      <c r="K269" s="1">
        <v>202</v>
      </c>
      <c r="L269" s="2">
        <v>-0.15428457467410991</v>
      </c>
      <c r="M269" s="2">
        <v>6.2198932992627638E-2</v>
      </c>
      <c r="N269" s="2">
        <v>0.19470266423519994</v>
      </c>
      <c r="O269" s="2">
        <v>0.18271977526597008</v>
      </c>
      <c r="P269" s="34" t="s">
        <v>310</v>
      </c>
      <c r="Q269" s="2">
        <v>0.59205960047652761</v>
      </c>
      <c r="R269" s="2">
        <v>0</v>
      </c>
      <c r="S269" s="19">
        <v>42</v>
      </c>
      <c r="T269" s="18">
        <v>116</v>
      </c>
      <c r="U269" s="18">
        <v>7</v>
      </c>
      <c r="V269" s="18">
        <v>26</v>
      </c>
    </row>
    <row r="270" spans="1:22" x14ac:dyDescent="0.25">
      <c r="A270" s="22">
        <v>9</v>
      </c>
      <c r="B270" s="23" t="s">
        <v>258</v>
      </c>
      <c r="C270" s="24">
        <v>4882</v>
      </c>
      <c r="D270" s="24">
        <v>4893</v>
      </c>
      <c r="E270" s="24">
        <v>4650</v>
      </c>
      <c r="F270" s="24">
        <v>5327</v>
      </c>
      <c r="G270" s="25">
        <v>-2.7813983472681714E-2</v>
      </c>
      <c r="H270" s="24">
        <v>4797</v>
      </c>
      <c r="I270" s="24">
        <v>5116</v>
      </c>
      <c r="J270" s="24">
        <v>4439</v>
      </c>
      <c r="K270" s="24">
        <v>5333</v>
      </c>
      <c r="L270" s="25">
        <v>-3.3473923499497509E-2</v>
      </c>
      <c r="M270" s="25">
        <v>0.19790287789571506</v>
      </c>
      <c r="N270" s="25">
        <v>0.19790287789571506</v>
      </c>
      <c r="O270" s="25">
        <v>0.15295142142089269</v>
      </c>
      <c r="P270" s="35">
        <v>9.8292899530341097E-3</v>
      </c>
      <c r="Q270" s="25">
        <v>0.30483251046489573</v>
      </c>
      <c r="R270" s="25">
        <v>0.26169039146636341</v>
      </c>
      <c r="S270" s="26">
        <v>2171</v>
      </c>
      <c r="T270" s="27">
        <v>5981</v>
      </c>
      <c r="U270" s="27">
        <v>1184</v>
      </c>
      <c r="V270" s="27">
        <v>1184</v>
      </c>
    </row>
    <row r="271" spans="1:22" x14ac:dyDescent="0.25">
      <c r="A271" s="17">
        <v>9</v>
      </c>
      <c r="B271" s="16" t="s">
        <v>259</v>
      </c>
      <c r="C271" s="1">
        <v>2317</v>
      </c>
      <c r="D271" s="1">
        <v>2821</v>
      </c>
      <c r="E271" s="1">
        <v>2956</v>
      </c>
      <c r="F271" s="1">
        <v>3126</v>
      </c>
      <c r="G271" s="2">
        <v>-8.6280256253517942E-2</v>
      </c>
      <c r="H271" s="1">
        <v>2388</v>
      </c>
      <c r="I271" s="1">
        <v>2156</v>
      </c>
      <c r="J271" s="1">
        <v>2156</v>
      </c>
      <c r="K271" s="1">
        <v>2868</v>
      </c>
      <c r="L271" s="2">
        <v>-5.5763829469224625E-2</v>
      </c>
      <c r="M271" s="2">
        <v>-3.0725082778312946E-2</v>
      </c>
      <c r="N271" s="2">
        <v>-3.0725082778312946E-2</v>
      </c>
      <c r="O271" s="2">
        <v>0.17223708091556125</v>
      </c>
      <c r="P271" s="34">
        <v>1.8658693666398989E-2</v>
      </c>
      <c r="Q271" s="2">
        <v>0.27768714458842175</v>
      </c>
      <c r="R271" s="2">
        <v>1.1615290595900272E-2</v>
      </c>
      <c r="S271" s="19">
        <v>4048</v>
      </c>
      <c r="T271" s="18">
        <v>2317</v>
      </c>
      <c r="U271" s="18">
        <v>-71</v>
      </c>
      <c r="V271" s="18">
        <v>-71</v>
      </c>
    </row>
    <row r="272" spans="1:22" x14ac:dyDescent="0.25">
      <c r="A272" s="22">
        <v>9</v>
      </c>
      <c r="B272" s="23" t="s">
        <v>260</v>
      </c>
      <c r="C272" s="24">
        <v>1907</v>
      </c>
      <c r="D272" s="24">
        <v>2499</v>
      </c>
      <c r="E272" s="24">
        <v>2439</v>
      </c>
      <c r="F272" s="24">
        <v>2477</v>
      </c>
      <c r="G272" s="25">
        <v>-7.6751522843937464E-2</v>
      </c>
      <c r="H272" s="24">
        <v>1947</v>
      </c>
      <c r="I272" s="24">
        <v>2535</v>
      </c>
      <c r="J272" s="24">
        <v>2474</v>
      </c>
      <c r="K272" s="24">
        <v>2465</v>
      </c>
      <c r="L272" s="25">
        <v>-7.0038583279623381E-2</v>
      </c>
      <c r="M272" s="25">
        <v>-8.3291176861974101E-3</v>
      </c>
      <c r="N272" s="25">
        <v>-8.3291176861974101E-3</v>
      </c>
      <c r="O272" s="25">
        <v>-1.2537648974650891E-2</v>
      </c>
      <c r="P272" s="35">
        <v>0</v>
      </c>
      <c r="Q272" s="25">
        <v>0.19987140091708139</v>
      </c>
      <c r="R272" s="25">
        <v>6.4980298431689079E-2</v>
      </c>
      <c r="S272" s="26">
        <v>2875</v>
      </c>
      <c r="T272" s="27">
        <v>1931</v>
      </c>
      <c r="U272" s="27">
        <v>-16</v>
      </c>
      <c r="V272" s="27">
        <v>-16</v>
      </c>
    </row>
    <row r="273" spans="1:22" x14ac:dyDescent="0.25">
      <c r="A273" s="17">
        <v>9</v>
      </c>
      <c r="B273" s="16" t="s">
        <v>261</v>
      </c>
      <c r="C273" s="1">
        <v>1417</v>
      </c>
      <c r="D273" s="1">
        <v>2007</v>
      </c>
      <c r="E273" s="1">
        <v>2291</v>
      </c>
      <c r="F273" s="1">
        <v>2394</v>
      </c>
      <c r="G273" s="2">
        <v>-0.13602832767954773</v>
      </c>
      <c r="H273" s="1">
        <v>1578</v>
      </c>
      <c r="I273" s="1">
        <v>1818</v>
      </c>
      <c r="J273" s="1">
        <v>1793</v>
      </c>
      <c r="K273" s="1">
        <v>1942</v>
      </c>
      <c r="L273" s="2">
        <v>-6.2411752214552696E-2</v>
      </c>
      <c r="M273" s="2">
        <v>-0.11358648943481593</v>
      </c>
      <c r="N273" s="2">
        <v>-8.0780293380449522E-2</v>
      </c>
      <c r="O273" s="2">
        <v>9.8966452106052871E-2</v>
      </c>
      <c r="P273" s="34">
        <v>7.6225797464827974E-3</v>
      </c>
      <c r="Q273" s="2">
        <v>0.23995622113664877</v>
      </c>
      <c r="R273" s="2">
        <v>0.15788180391367707</v>
      </c>
      <c r="S273" s="19">
        <v>2923</v>
      </c>
      <c r="T273" s="18">
        <v>1417</v>
      </c>
      <c r="U273" s="18">
        <v>-161</v>
      </c>
      <c r="V273" s="18">
        <v>-118</v>
      </c>
    </row>
    <row r="274" spans="1:22" x14ac:dyDescent="0.25">
      <c r="A274" s="22">
        <v>9</v>
      </c>
      <c r="B274" s="23" t="s">
        <v>262</v>
      </c>
      <c r="C274" s="24">
        <v>1575</v>
      </c>
      <c r="D274" s="24">
        <v>1790</v>
      </c>
      <c r="E274" s="24">
        <v>2122</v>
      </c>
      <c r="F274" s="24">
        <v>2099</v>
      </c>
      <c r="G274" s="25">
        <v>-8.321930469848797E-2</v>
      </c>
      <c r="H274" s="24">
        <v>1687</v>
      </c>
      <c r="I274" s="24">
        <v>1817</v>
      </c>
      <c r="J274" s="24">
        <v>2026</v>
      </c>
      <c r="K274" s="24">
        <v>1645</v>
      </c>
      <c r="L274" s="25">
        <v>8.6453076712435951E-3</v>
      </c>
      <c r="M274" s="25">
        <v>0.11497332654913213</v>
      </c>
      <c r="N274" s="25">
        <v>0.11497332654913213</v>
      </c>
      <c r="O274" s="25">
        <v>0.16187789200552294</v>
      </c>
      <c r="P274" s="35">
        <v>8.4379367418837431E-4</v>
      </c>
      <c r="Q274" s="25">
        <v>0</v>
      </c>
      <c r="R274" s="25">
        <v>7.5547668925517858E-4</v>
      </c>
      <c r="S274" s="26">
        <v>824</v>
      </c>
      <c r="T274" s="27">
        <v>1906</v>
      </c>
      <c r="U274" s="27">
        <v>219</v>
      </c>
      <c r="V274" s="27">
        <v>219</v>
      </c>
    </row>
    <row r="275" spans="1:22" x14ac:dyDescent="0.25">
      <c r="A275" s="17">
        <v>9</v>
      </c>
      <c r="B275" s="16" t="s">
        <v>263</v>
      </c>
      <c r="C275" s="1">
        <v>12486</v>
      </c>
      <c r="D275" s="1">
        <v>14278</v>
      </c>
      <c r="E275" s="28" t="s">
        <v>61</v>
      </c>
      <c r="F275" s="28" t="s">
        <v>61</v>
      </c>
      <c r="G275" s="28" t="s">
        <v>61</v>
      </c>
      <c r="H275" s="1">
        <v>15815</v>
      </c>
      <c r="I275" s="1">
        <v>16500</v>
      </c>
      <c r="J275" s="28" t="s">
        <v>61</v>
      </c>
      <c r="K275" s="28" t="s">
        <v>61</v>
      </c>
      <c r="L275" s="28" t="s">
        <v>61</v>
      </c>
      <c r="M275" s="2">
        <v>-0.26660010124969935</v>
      </c>
      <c r="N275" s="2">
        <v>-0.26660010124969935</v>
      </c>
      <c r="O275" s="28" t="s">
        <v>61</v>
      </c>
      <c r="P275" s="34">
        <v>0</v>
      </c>
      <c r="Q275" s="2">
        <v>0.15855212769731897</v>
      </c>
      <c r="R275" s="2">
        <v>4.7736325984627695E-2</v>
      </c>
      <c r="S275" s="19">
        <v>2451</v>
      </c>
      <c r="T275" s="18">
        <v>12486</v>
      </c>
      <c r="U275" s="18">
        <v>-3329</v>
      </c>
      <c r="V275" s="18">
        <v>-3329</v>
      </c>
    </row>
    <row r="276" spans="1:22" x14ac:dyDescent="0.25">
      <c r="A276" s="22">
        <v>9</v>
      </c>
      <c r="B276" s="23" t="s">
        <v>264</v>
      </c>
      <c r="C276" s="24">
        <v>13868</v>
      </c>
      <c r="D276" s="24">
        <v>16895</v>
      </c>
      <c r="E276" s="24">
        <v>16743</v>
      </c>
      <c r="F276" s="24">
        <v>16697</v>
      </c>
      <c r="G276" s="25">
        <v>-5.6477623794840733E-2</v>
      </c>
      <c r="H276" s="24">
        <v>10955</v>
      </c>
      <c r="I276" s="24">
        <v>12957</v>
      </c>
      <c r="J276" s="24">
        <v>12897</v>
      </c>
      <c r="K276" s="24">
        <v>12307</v>
      </c>
      <c r="L276" s="25">
        <v>-3.6631074477517761E-2</v>
      </c>
      <c r="M276" s="25">
        <v>0.26867701421457663</v>
      </c>
      <c r="N276" s="25">
        <v>0.26867701421457663</v>
      </c>
      <c r="O276" s="25">
        <v>0.24299111474022039</v>
      </c>
      <c r="P276" s="35">
        <v>7.440223922769762E-4</v>
      </c>
      <c r="Q276" s="25">
        <v>9.0194555913038654E-2</v>
      </c>
      <c r="R276" s="25">
        <v>0</v>
      </c>
      <c r="S276" s="26">
        <v>4144</v>
      </c>
      <c r="T276" s="27">
        <v>14979</v>
      </c>
      <c r="U276" s="27">
        <v>4025</v>
      </c>
      <c r="V276" s="27">
        <v>4025</v>
      </c>
    </row>
    <row r="277" spans="1:22" x14ac:dyDescent="0.25">
      <c r="A277" s="17">
        <v>9</v>
      </c>
      <c r="B277" s="16" t="s">
        <v>265</v>
      </c>
      <c r="C277" s="1">
        <v>1539</v>
      </c>
      <c r="D277" s="1">
        <v>2092</v>
      </c>
      <c r="E277" s="1">
        <v>2486</v>
      </c>
      <c r="F277" s="1">
        <v>2554</v>
      </c>
      <c r="G277" s="2">
        <v>-0.13255079932943553</v>
      </c>
      <c r="H277" s="1">
        <v>1712</v>
      </c>
      <c r="I277" s="1">
        <v>2141</v>
      </c>
      <c r="J277" s="1">
        <v>2420</v>
      </c>
      <c r="K277" s="1">
        <v>2348</v>
      </c>
      <c r="L277" s="2">
        <v>-9.0370000694089292E-2</v>
      </c>
      <c r="M277" s="2">
        <v>-8.2645924437939652E-2</v>
      </c>
      <c r="N277" s="2">
        <v>-8.5447663472580773E-2</v>
      </c>
      <c r="O277" s="2">
        <v>-2.0530473890051831E-2</v>
      </c>
      <c r="P277" s="34">
        <v>0</v>
      </c>
      <c r="Q277" s="2">
        <v>0.64000010399361484</v>
      </c>
      <c r="R277" s="2">
        <v>9.7899588965237538E-2</v>
      </c>
      <c r="S277" s="19">
        <v>1236</v>
      </c>
      <c r="T277" s="18">
        <v>1581</v>
      </c>
      <c r="U277" s="18">
        <v>-131</v>
      </c>
      <c r="V277" s="18">
        <v>-135</v>
      </c>
    </row>
    <row r="278" spans="1:22" x14ac:dyDescent="0.25">
      <c r="A278" s="22">
        <v>9</v>
      </c>
      <c r="B278" s="23" t="s">
        <v>266</v>
      </c>
      <c r="C278" s="24">
        <v>838</v>
      </c>
      <c r="D278" s="24">
        <v>1133</v>
      </c>
      <c r="E278" s="24">
        <v>1242</v>
      </c>
      <c r="F278" s="24">
        <v>1019</v>
      </c>
      <c r="G278" s="25">
        <v>-5.9091335820019159E-2</v>
      </c>
      <c r="H278" s="24">
        <v>910</v>
      </c>
      <c r="I278" s="24">
        <v>1073</v>
      </c>
      <c r="J278" s="24">
        <v>1066</v>
      </c>
      <c r="K278" s="24">
        <v>1017</v>
      </c>
      <c r="L278" s="25">
        <v>-3.4847636874030551E-2</v>
      </c>
      <c r="M278" s="25">
        <v>-8.5898995682148913E-2</v>
      </c>
      <c r="N278" s="25">
        <v>-8.5898995682148913E-2</v>
      </c>
      <c r="O278" s="25">
        <v>5.1227225256019429E-2</v>
      </c>
      <c r="P278" s="35">
        <v>0</v>
      </c>
      <c r="Q278" s="25">
        <v>0.70205169705336312</v>
      </c>
      <c r="R278" s="25">
        <v>0.19722790815759825</v>
      </c>
      <c r="S278" s="26">
        <v>439</v>
      </c>
      <c r="T278" s="27">
        <v>838</v>
      </c>
      <c r="U278" s="27">
        <v>-72</v>
      </c>
      <c r="V278" s="27">
        <v>-72</v>
      </c>
    </row>
    <row r="279" spans="1:22" x14ac:dyDescent="0.25">
      <c r="A279" s="17">
        <v>9</v>
      </c>
      <c r="B279" s="16" t="s">
        <v>267</v>
      </c>
      <c r="C279" s="1">
        <v>971</v>
      </c>
      <c r="D279" s="1">
        <v>952</v>
      </c>
      <c r="E279" s="1">
        <v>1067</v>
      </c>
      <c r="F279" s="1">
        <v>774</v>
      </c>
      <c r="G279" s="2">
        <v>8.4560829946096885E-2</v>
      </c>
      <c r="H279" s="1">
        <v>646</v>
      </c>
      <c r="I279" s="1">
        <v>701</v>
      </c>
      <c r="J279" s="1">
        <v>800</v>
      </c>
      <c r="K279" s="1">
        <v>720</v>
      </c>
      <c r="L279" s="2">
        <v>-3.4271630597725138E-2</v>
      </c>
      <c r="M279" s="2">
        <v>0.33490190504734035</v>
      </c>
      <c r="N279" s="2">
        <v>0.33490190504734035</v>
      </c>
      <c r="O279" s="2">
        <v>0.28204031540720031</v>
      </c>
      <c r="P279" s="34">
        <v>0</v>
      </c>
      <c r="Q279" s="2">
        <v>0.72633386346829831</v>
      </c>
      <c r="R279" s="2">
        <v>9.7085608355197181E-2</v>
      </c>
      <c r="S279" s="19">
        <v>591</v>
      </c>
      <c r="T279" s="18">
        <v>971</v>
      </c>
      <c r="U279" s="18">
        <v>325</v>
      </c>
      <c r="V279" s="18">
        <v>325</v>
      </c>
    </row>
    <row r="280" spans="1:22" x14ac:dyDescent="0.25">
      <c r="A280" s="22">
        <v>9</v>
      </c>
      <c r="B280" s="23" t="s">
        <v>268</v>
      </c>
      <c r="C280" s="24">
        <v>584</v>
      </c>
      <c r="D280" s="24">
        <v>1095</v>
      </c>
      <c r="E280" s="24">
        <v>1039</v>
      </c>
      <c r="F280" s="24">
        <v>1184</v>
      </c>
      <c r="G280" s="25">
        <v>-0.16891478328831469</v>
      </c>
      <c r="H280" s="24">
        <v>335</v>
      </c>
      <c r="I280" s="24">
        <v>565</v>
      </c>
      <c r="J280" s="24">
        <v>629</v>
      </c>
      <c r="K280" s="24">
        <v>735</v>
      </c>
      <c r="L280" s="25">
        <v>-0.18134571257968823</v>
      </c>
      <c r="M280" s="25">
        <v>0.42597158865189932</v>
      </c>
      <c r="N280" s="25">
        <v>0.42597158865189932</v>
      </c>
      <c r="O280" s="25">
        <v>0.4376446837493273</v>
      </c>
      <c r="P280" s="35">
        <v>9.4489784013277282E-3</v>
      </c>
      <c r="Q280" s="25">
        <v>7.7381139328764628E-2</v>
      </c>
      <c r="R280" s="25">
        <v>0.16495916012872777</v>
      </c>
      <c r="S280" s="26">
        <v>697</v>
      </c>
      <c r="T280" s="27">
        <v>584</v>
      </c>
      <c r="U280" s="27">
        <v>249</v>
      </c>
      <c r="V280" s="27">
        <v>249</v>
      </c>
    </row>
    <row r="281" spans="1:22" x14ac:dyDescent="0.25">
      <c r="A281" s="17">
        <v>9</v>
      </c>
      <c r="B281" s="16" t="s">
        <v>269</v>
      </c>
      <c r="C281" s="1">
        <v>564</v>
      </c>
      <c r="D281" s="28" t="s">
        <v>310</v>
      </c>
      <c r="E281" s="1">
        <v>1427</v>
      </c>
      <c r="F281" s="1">
        <v>1736</v>
      </c>
      <c r="G281" s="2">
        <v>-0.22503473478293931</v>
      </c>
      <c r="H281" s="1">
        <v>1014</v>
      </c>
      <c r="I281" s="28" t="s">
        <v>310</v>
      </c>
      <c r="J281" s="1">
        <v>1469</v>
      </c>
      <c r="K281" s="1">
        <v>1735</v>
      </c>
      <c r="L281" s="2">
        <v>-0.13845957912243506</v>
      </c>
      <c r="M281" s="2">
        <v>-0.7986518280282896</v>
      </c>
      <c r="N281" s="2">
        <v>-0.7986518280282896</v>
      </c>
      <c r="O281" s="28" t="s">
        <v>310</v>
      </c>
      <c r="P281" s="34">
        <v>0</v>
      </c>
      <c r="Q281" s="2">
        <v>0.22822473551610484</v>
      </c>
      <c r="R281" s="2">
        <v>8.1486038689911576E-3</v>
      </c>
      <c r="S281" s="19">
        <v>978</v>
      </c>
      <c r="T281" s="18">
        <v>564</v>
      </c>
      <c r="U281" s="18">
        <v>-450</v>
      </c>
      <c r="V281" s="18">
        <v>-450</v>
      </c>
    </row>
    <row r="282" spans="1:22" x14ac:dyDescent="0.25">
      <c r="A282" s="22">
        <v>9</v>
      </c>
      <c r="B282" s="23" t="s">
        <v>270</v>
      </c>
      <c r="C282" s="24">
        <v>2171</v>
      </c>
      <c r="D282" s="24">
        <v>1389</v>
      </c>
      <c r="E282" s="29" t="s">
        <v>61</v>
      </c>
      <c r="F282" s="29" t="s">
        <v>61</v>
      </c>
      <c r="G282" s="30" t="s">
        <v>61</v>
      </c>
      <c r="H282" s="24">
        <v>2040</v>
      </c>
      <c r="I282" s="24">
        <v>400</v>
      </c>
      <c r="J282" s="29" t="s">
        <v>61</v>
      </c>
      <c r="K282" s="29" t="s">
        <v>61</v>
      </c>
      <c r="L282" s="30" t="s">
        <v>61</v>
      </c>
      <c r="M282" s="25">
        <v>6.0201457726216129E-2</v>
      </c>
      <c r="N282" s="25">
        <v>6.0201457726216129E-2</v>
      </c>
      <c r="O282" s="30" t="s">
        <v>61</v>
      </c>
      <c r="P282" s="35">
        <v>-3.5684410646387834E-3</v>
      </c>
      <c r="Q282" s="25">
        <v>0.33800600522024821</v>
      </c>
      <c r="R282" s="25">
        <v>9.0567068580941948E-2</v>
      </c>
      <c r="S282" s="26">
        <v>1774</v>
      </c>
      <c r="T282" s="27">
        <v>2171</v>
      </c>
      <c r="U282" s="27">
        <v>131</v>
      </c>
      <c r="V282" s="27">
        <v>131</v>
      </c>
    </row>
    <row r="283" spans="1:22" x14ac:dyDescent="0.25">
      <c r="A283" s="17">
        <v>9</v>
      </c>
      <c r="B283" s="16" t="s">
        <v>271</v>
      </c>
      <c r="C283" s="1">
        <v>4604</v>
      </c>
      <c r="D283" s="1">
        <v>4835</v>
      </c>
      <c r="E283" s="1">
        <v>5535</v>
      </c>
      <c r="F283" s="1">
        <v>8340</v>
      </c>
      <c r="G283" s="2">
        <v>-0.14932369983505575</v>
      </c>
      <c r="H283" s="1">
        <v>3302</v>
      </c>
      <c r="I283" s="1">
        <v>3380</v>
      </c>
      <c r="J283" s="1">
        <v>5565</v>
      </c>
      <c r="K283" s="1">
        <v>6071</v>
      </c>
      <c r="L283" s="2">
        <v>-0.15203948517082458</v>
      </c>
      <c r="M283" s="2">
        <v>0.28277116054462786</v>
      </c>
      <c r="N283" s="2">
        <v>0.28277116054462786</v>
      </c>
      <c r="O283" s="2">
        <v>0.18446617393098211</v>
      </c>
      <c r="P283" s="34">
        <v>1.3953712010138094E-3</v>
      </c>
      <c r="Q283" s="2">
        <v>0.95053288963295746</v>
      </c>
      <c r="R283" s="2">
        <v>2.5301376958287243E-4</v>
      </c>
      <c r="S283" s="19">
        <v>188</v>
      </c>
      <c r="T283" s="18">
        <v>4604</v>
      </c>
      <c r="U283" s="18">
        <v>1302</v>
      </c>
      <c r="V283" s="18">
        <v>1302</v>
      </c>
    </row>
    <row r="284" spans="1:22" x14ac:dyDescent="0.25">
      <c r="A284" s="22">
        <v>9</v>
      </c>
      <c r="B284" s="23" t="s">
        <v>272</v>
      </c>
      <c r="C284" s="24">
        <v>2584</v>
      </c>
      <c r="D284" s="24">
        <v>2960</v>
      </c>
      <c r="E284" s="24">
        <v>2363</v>
      </c>
      <c r="F284" s="24">
        <v>2560</v>
      </c>
      <c r="G284" s="25">
        <v>3.1519562139913841E-3</v>
      </c>
      <c r="H284" s="24">
        <v>2301</v>
      </c>
      <c r="I284" s="24">
        <v>2458</v>
      </c>
      <c r="J284" s="24">
        <v>1899</v>
      </c>
      <c r="K284" s="24">
        <v>1842</v>
      </c>
      <c r="L284" s="25">
        <v>8.3017750633291906E-2</v>
      </c>
      <c r="M284" s="25">
        <v>0.15995305615186789</v>
      </c>
      <c r="N284" s="25">
        <v>0.159201474484338</v>
      </c>
      <c r="O284" s="25">
        <v>0.17413886980138896</v>
      </c>
      <c r="P284" s="35">
        <v>9.0889570520327745E-4</v>
      </c>
      <c r="Q284" s="25">
        <v>0.3522000649718825</v>
      </c>
      <c r="R284" s="25">
        <v>0.15418614646115106</v>
      </c>
      <c r="S284" s="26">
        <v>4040</v>
      </c>
      <c r="T284" s="27">
        <v>2739</v>
      </c>
      <c r="U284" s="27">
        <v>438</v>
      </c>
      <c r="V284" s="27">
        <v>436</v>
      </c>
    </row>
    <row r="285" spans="1:22" x14ac:dyDescent="0.25">
      <c r="A285" s="17">
        <v>9</v>
      </c>
      <c r="B285" s="16" t="s">
        <v>273</v>
      </c>
      <c r="C285" s="1">
        <v>1419</v>
      </c>
      <c r="D285" s="1">
        <v>1768</v>
      </c>
      <c r="E285" s="1">
        <v>1737</v>
      </c>
      <c r="F285" s="1">
        <v>1872</v>
      </c>
      <c r="G285" s="2">
        <v>-8.0749286373581294E-2</v>
      </c>
      <c r="H285" s="1">
        <v>1510</v>
      </c>
      <c r="I285" s="1">
        <v>1802</v>
      </c>
      <c r="J285" s="1">
        <v>1770</v>
      </c>
      <c r="K285" s="1">
        <v>1912</v>
      </c>
      <c r="L285" s="2">
        <v>-7.0131628662558426E-2</v>
      </c>
      <c r="M285" s="2">
        <v>-6.4099410055906872E-2</v>
      </c>
      <c r="N285" s="2">
        <v>7.2141711675330331E-2</v>
      </c>
      <c r="O285" s="2">
        <v>1.0006823055302597E-2</v>
      </c>
      <c r="P285" s="34">
        <v>0</v>
      </c>
      <c r="Q285" s="2">
        <v>0.1066403780040871</v>
      </c>
      <c r="R285" s="2">
        <v>0.11176300164456873</v>
      </c>
      <c r="S285" s="19">
        <v>2528</v>
      </c>
      <c r="T285" s="18">
        <v>1419</v>
      </c>
      <c r="U285" s="18">
        <v>-91</v>
      </c>
      <c r="V285" s="18">
        <v>117</v>
      </c>
    </row>
    <row r="286" spans="1:22" x14ac:dyDescent="0.25">
      <c r="A286" s="22">
        <v>9</v>
      </c>
      <c r="B286" s="23" t="s">
        <v>274</v>
      </c>
      <c r="C286" s="24">
        <v>4605</v>
      </c>
      <c r="D286" s="24">
        <v>4734</v>
      </c>
      <c r="E286" s="24">
        <v>5212</v>
      </c>
      <c r="F286" s="24">
        <v>5056</v>
      </c>
      <c r="G286" s="25">
        <v>-2.9733546062900806E-2</v>
      </c>
      <c r="H286" s="24">
        <v>3761</v>
      </c>
      <c r="I286" s="24">
        <v>4036</v>
      </c>
      <c r="J286" s="24">
        <v>4359</v>
      </c>
      <c r="K286" s="24">
        <v>3975</v>
      </c>
      <c r="L286" s="25">
        <v>-1.7904139283359748E-2</v>
      </c>
      <c r="M286" s="25">
        <v>0.1832</v>
      </c>
      <c r="N286" s="25">
        <v>0.2344</v>
      </c>
      <c r="O286" s="25">
        <v>0.18429999999999999</v>
      </c>
      <c r="P286" s="35">
        <v>0</v>
      </c>
      <c r="Q286" s="25">
        <v>0</v>
      </c>
      <c r="R286" s="25">
        <v>0.59595374103152088</v>
      </c>
      <c r="S286" s="26">
        <v>2353</v>
      </c>
      <c r="T286" s="27">
        <v>4605</v>
      </c>
      <c r="U286" s="27">
        <v>843</v>
      </c>
      <c r="V286" s="27">
        <v>1151</v>
      </c>
    </row>
    <row r="287" spans="1:22" x14ac:dyDescent="0.25">
      <c r="A287" s="17">
        <v>9</v>
      </c>
      <c r="B287" s="16" t="s">
        <v>275</v>
      </c>
      <c r="C287" s="1">
        <v>16348</v>
      </c>
      <c r="D287" s="1">
        <v>17854</v>
      </c>
      <c r="E287" s="1">
        <v>13453</v>
      </c>
      <c r="F287" s="1">
        <v>11106</v>
      </c>
      <c r="G287" s="2">
        <v>0.15733023829847517</v>
      </c>
      <c r="H287" s="1">
        <v>11399</v>
      </c>
      <c r="I287" s="1">
        <v>13030</v>
      </c>
      <c r="J287" s="1">
        <v>11443</v>
      </c>
      <c r="K287" s="1">
        <v>9429</v>
      </c>
      <c r="L287" s="2">
        <v>6.9654348482201797E-2</v>
      </c>
      <c r="M287" s="2">
        <v>0.35937935116202491</v>
      </c>
      <c r="N287" s="2">
        <v>0.35937935116202491</v>
      </c>
      <c r="O287" s="2">
        <v>0.31602231818104859</v>
      </c>
      <c r="P287" s="34">
        <v>1.0789498737941338E-2</v>
      </c>
      <c r="Q287" s="2">
        <v>0.18441111900204737</v>
      </c>
      <c r="R287" s="2">
        <v>6.517136483223808E-2</v>
      </c>
      <c r="S287" s="19">
        <v>6303</v>
      </c>
      <c r="T287" s="18">
        <v>17793</v>
      </c>
      <c r="U287" s="18">
        <v>6395</v>
      </c>
      <c r="V287" s="18">
        <v>6395</v>
      </c>
    </row>
    <row r="288" spans="1:22" x14ac:dyDescent="0.25">
      <c r="A288" s="22">
        <v>9</v>
      </c>
      <c r="B288" s="23" t="s">
        <v>276</v>
      </c>
      <c r="C288" s="24">
        <v>18</v>
      </c>
      <c r="D288" s="24">
        <v>17</v>
      </c>
      <c r="E288" s="24">
        <v>9</v>
      </c>
      <c r="F288" s="24">
        <v>44</v>
      </c>
      <c r="G288" s="25">
        <v>-0.19440196593096418</v>
      </c>
      <c r="H288" s="24">
        <v>457</v>
      </c>
      <c r="I288" s="24">
        <v>482</v>
      </c>
      <c r="J288" s="24">
        <v>483</v>
      </c>
      <c r="K288" s="24">
        <v>494</v>
      </c>
      <c r="L288" s="25">
        <v>-2.5046295266389063E-2</v>
      </c>
      <c r="M288" s="25">
        <v>-24.043371118777724</v>
      </c>
      <c r="N288" s="25">
        <v>-24.043371118777724</v>
      </c>
      <c r="O288" s="25">
        <v>-30.917590307381648</v>
      </c>
      <c r="P288" s="35">
        <v>0.12264979792655069</v>
      </c>
      <c r="Q288" s="25">
        <v>0.17764635014511801</v>
      </c>
      <c r="R288" s="25">
        <v>0.24303159739335195</v>
      </c>
      <c r="S288" s="26">
        <v>20</v>
      </c>
      <c r="T288" s="27">
        <v>18</v>
      </c>
      <c r="U288" s="27">
        <v>-439</v>
      </c>
      <c r="V288" s="27">
        <v>-439</v>
      </c>
    </row>
    <row r="289" spans="1:22" x14ac:dyDescent="0.25">
      <c r="A289" s="17">
        <v>9</v>
      </c>
      <c r="B289" s="16" t="s">
        <v>277</v>
      </c>
      <c r="C289" s="1">
        <v>4483</v>
      </c>
      <c r="D289" s="1">
        <v>5651</v>
      </c>
      <c r="E289" s="1">
        <v>6245</v>
      </c>
      <c r="F289" s="1">
        <v>6061</v>
      </c>
      <c r="G289" s="2">
        <v>-8.677295698155614E-2</v>
      </c>
      <c r="H289" s="1">
        <v>4551</v>
      </c>
      <c r="I289" s="1">
        <v>5131</v>
      </c>
      <c r="J289" s="1">
        <v>5725</v>
      </c>
      <c r="K289" s="1">
        <v>5194</v>
      </c>
      <c r="L289" s="2">
        <v>-4.12894616960605E-2</v>
      </c>
      <c r="M289" s="2">
        <v>-1.5199569920296951E-2</v>
      </c>
      <c r="N289" s="2">
        <v>-1.5091333122777341E-2</v>
      </c>
      <c r="O289" s="2">
        <v>5.9588554679977646E-2</v>
      </c>
      <c r="P289" s="34">
        <v>0</v>
      </c>
      <c r="Q289" s="2">
        <v>2.2110597027616415E-2</v>
      </c>
      <c r="R289" s="2">
        <v>0</v>
      </c>
      <c r="S289" s="19">
        <v>1303</v>
      </c>
      <c r="T289" s="18">
        <v>4483</v>
      </c>
      <c r="U289" s="18">
        <v>-68</v>
      </c>
      <c r="V289" s="18">
        <v>-68</v>
      </c>
    </row>
    <row r="290" spans="1:22" x14ac:dyDescent="0.25">
      <c r="A290" s="22">
        <v>9</v>
      </c>
      <c r="B290" s="23" t="s">
        <v>278</v>
      </c>
      <c r="C290" s="24">
        <v>2689</v>
      </c>
      <c r="D290" s="24">
        <v>3753</v>
      </c>
      <c r="E290" s="24">
        <v>3346</v>
      </c>
      <c r="F290" s="24">
        <v>3489</v>
      </c>
      <c r="G290" s="25">
        <v>-7.6426003559186398E-2</v>
      </c>
      <c r="H290" s="24">
        <v>3012</v>
      </c>
      <c r="I290" s="24">
        <v>3627</v>
      </c>
      <c r="J290" s="24">
        <v>3317</v>
      </c>
      <c r="K290" s="24">
        <v>3344</v>
      </c>
      <c r="L290" s="25">
        <v>-3.3148637105302768E-2</v>
      </c>
      <c r="M290" s="25">
        <v>-5.4667500597082037E-2</v>
      </c>
      <c r="N290" s="25">
        <v>-5.4667500597082037E-2</v>
      </c>
      <c r="O290" s="25">
        <v>1.0731876663686705E-3</v>
      </c>
      <c r="P290" s="35">
        <v>1.7528276491621489E-3</v>
      </c>
      <c r="Q290" s="25">
        <v>0.53523221926051345</v>
      </c>
      <c r="R290" s="25">
        <v>5.3086604241980508E-2</v>
      </c>
      <c r="S290" s="26">
        <v>2784</v>
      </c>
      <c r="T290" s="27">
        <v>2856</v>
      </c>
      <c r="U290" s="27">
        <v>-156</v>
      </c>
      <c r="V290" s="27">
        <v>-156</v>
      </c>
    </row>
    <row r="291" spans="1:22" x14ac:dyDescent="0.25">
      <c r="A291" s="17">
        <v>9</v>
      </c>
      <c r="B291" s="16" t="s">
        <v>279</v>
      </c>
      <c r="C291" s="1">
        <v>3103</v>
      </c>
      <c r="D291" s="1">
        <v>3902</v>
      </c>
      <c r="E291" s="1">
        <v>3955</v>
      </c>
      <c r="F291" s="1">
        <v>3701</v>
      </c>
      <c r="G291" s="2">
        <v>-5.387018798414895E-2</v>
      </c>
      <c r="H291" s="1">
        <v>3663</v>
      </c>
      <c r="I291" s="1">
        <v>3975</v>
      </c>
      <c r="J291" s="1">
        <v>3894</v>
      </c>
      <c r="K291" s="1">
        <v>3821</v>
      </c>
      <c r="L291" s="2">
        <v>-1.3774124872207342E-2</v>
      </c>
      <c r="M291" s="2">
        <v>-3.1758403682682443E-2</v>
      </c>
      <c r="N291" s="2">
        <v>-3.1758403682682443E-2</v>
      </c>
      <c r="O291" s="2">
        <v>-9.1260756544583703E-3</v>
      </c>
      <c r="P291" s="34">
        <v>1.5974962189127282E-2</v>
      </c>
      <c r="Q291" s="2">
        <v>0.54585292780307326</v>
      </c>
      <c r="R291" s="2">
        <v>0.13643356774028789</v>
      </c>
      <c r="S291" s="19">
        <v>3505</v>
      </c>
      <c r="T291" s="18">
        <v>3550</v>
      </c>
      <c r="U291" s="18">
        <v>-113</v>
      </c>
      <c r="V291" s="18">
        <v>-113</v>
      </c>
    </row>
  </sheetData>
  <mergeCells count="16">
    <mergeCell ref="S1:S2"/>
    <mergeCell ref="T1:T2"/>
    <mergeCell ref="U1:U2"/>
    <mergeCell ref="V1:V2"/>
    <mergeCell ref="A1:A2"/>
    <mergeCell ref="B1:B2"/>
    <mergeCell ref="N1:N2"/>
    <mergeCell ref="O1:O2"/>
    <mergeCell ref="P1:P2"/>
    <mergeCell ref="Q1:Q2"/>
    <mergeCell ref="R1:R2"/>
    <mergeCell ref="C1:F1"/>
    <mergeCell ref="G1:G2"/>
    <mergeCell ref="H1:K1"/>
    <mergeCell ref="L1:L2"/>
    <mergeCell ref="M1:M2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2020 Financial Analysis Vol 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Anne Nelson</dc:creator>
  <cp:lastModifiedBy>Fletcher, Patrick</cp:lastModifiedBy>
  <dcterms:created xsi:type="dcterms:W3CDTF">2021-11-09T15:35:34Z</dcterms:created>
  <dcterms:modified xsi:type="dcterms:W3CDTF">2021-11-15T19:19:43Z</dcterms:modified>
</cp:coreProperties>
</file>